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6" Type="http://schemas.microsoft.com/office/2011/relationships/webextensiontaskpanes" Target="xl/webextensions/taskpanes.xml"/><Relationship Id="rId5" Type="http://schemas.microsoft.com/office/2020/02/relationships/classificationlabels" Target="docMetadata/LabelInfo.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30110"/>
  <workbookPr codeName="ThisWorkbook"/>
  <mc:AlternateContent xmlns:mc="http://schemas.openxmlformats.org/markup-compatibility/2006">
    <mc:Choice Requires="x15">
      <x15ac:absPath xmlns:x15ac="http://schemas.microsoft.com/office/spreadsheetml/2010/11/ac" url="https://mottmac.sharepoint.com/teams/pj-g5303/do/Develop/2. Standardisation/2. Taxonomy and categorisation/Issued/"/>
    </mc:Choice>
  </mc:AlternateContent>
  <xr:revisionPtr revIDLastSave="6" documentId="8_{B072DDF4-CCBB-4900-A94F-1713D9BD65AE}" xr6:coauthVersionLast="47" xr6:coauthVersionMax="47" xr10:uidLastSave="{8B641D59-C295-4B21-83DE-B3ADEE137C98}"/>
  <workbookProtection workbookAlgorithmName="SHA-512" workbookHashValue="uq7+PJjzPuszMAPzHOpMmP78w8k5GDpTavtFgYEHeTGVt26NV80VT2eg5M2/R0/MdxwGkm89IuSFTYRQq1ey3A==" workbookSaltValue="ZNg53zRdkZIRJqK96+9aaw==" workbookSpinCount="100000" lockStructure="1"/>
  <bookViews>
    <workbookView xWindow="-120" yWindow="-120" windowWidth="29040" windowHeight="17520" tabRatio="831" xr2:uid="{00000000-000D-0000-FFFF-FFFF00000000}"/>
  </bookViews>
  <sheets>
    <sheet name="ReadMe" sheetId="6" r:id="rId1"/>
    <sheet name="NbS Categorisation" sheetId="4" r:id="rId2"/>
    <sheet name="Sources" sheetId="5" r:id="rId3"/>
  </sheets>
  <definedNames>
    <definedName name="_xlnm._FilterDatabase" localSheetId="1" hidden="1">'NbS Categorisation'!$B$6:$J$150</definedName>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1297" uniqueCount="486">
  <si>
    <t>Nature-based Solutions Categorisation</t>
  </si>
  <si>
    <t xml:space="preserve">Data sensitivity: </t>
  </si>
  <si>
    <t>OFFICIAL</t>
  </si>
  <si>
    <t>Version</t>
  </si>
  <si>
    <t>V.2.0</t>
  </si>
  <si>
    <t>Date:</t>
  </si>
  <si>
    <t>Owner:</t>
  </si>
  <si>
    <t>Mainstreaming Nature Based Solutions project</t>
  </si>
  <si>
    <t>Please refer to the accompanying "MNbS Nature-based Solutions Categorisation V2.0 User Guidance Note" for a more detailed explanation of the structure of this tool.</t>
  </si>
  <si>
    <t>Document information</t>
  </si>
  <si>
    <t>Issue date</t>
  </si>
  <si>
    <t>Updates</t>
  </si>
  <si>
    <t>Version 1.0</t>
  </si>
  <si>
    <t>Version 2.0</t>
  </si>
  <si>
    <t>Overview of the tool</t>
  </si>
  <si>
    <t>The Nature-based Solutions (NbS) Categorisation is a practical, evidence driven tool designed to help practitioners understand, compare, and select NbS interventions. It shows five groups of NbS: Sustainable Urban Drainage Systems (SuDS); Natural Flow Management (NFM); River Restoration, Coastal NbS and Treatment Wetlands, with two tiers of interventions. There are 37 Tier 1 interventions and 144 Tier 2 interventions. Each Tier 2 intervention is a subset of the corresponding Tier 1 intervention.</t>
  </si>
  <si>
    <t>Tool structure</t>
  </si>
  <si>
    <r>
      <t xml:space="preserve">The tool comprises three worksheets: 
</t>
    </r>
    <r>
      <rPr>
        <b/>
        <sz val="12"/>
        <color rgb="FF000000"/>
        <rFont val="Arial"/>
      </rPr>
      <t>Worksheet 1:</t>
    </r>
    <r>
      <rPr>
        <sz val="12"/>
        <color rgb="FF000000"/>
        <rFont val="Arial"/>
      </rPr>
      <t xml:space="preserve"> ‘ReadMe’ – this worksheet contains information about the categorisation and how to navigate it. 
</t>
    </r>
    <r>
      <rPr>
        <b/>
        <sz val="12"/>
        <color rgb="FF000000"/>
        <rFont val="Arial"/>
      </rPr>
      <t>Worksheet 2:</t>
    </r>
    <r>
      <rPr>
        <sz val="12"/>
        <color rgb="FF000000"/>
        <rFont val="Arial"/>
      </rPr>
      <t xml:space="preserve"> ‘NbS Categorisation’ – this worksheet contains the NbS categorisation. 
</t>
    </r>
    <r>
      <rPr>
        <b/>
        <sz val="12"/>
        <color rgb="FF000000"/>
        <rFont val="Arial"/>
      </rPr>
      <t>Worksheet 3:</t>
    </r>
    <r>
      <rPr>
        <sz val="12"/>
        <color rgb="FF000000"/>
        <rFont val="Arial"/>
      </rPr>
      <t xml:space="preserve"> ‘Sources’ – this worksheet contains a bibliography of all of the referenced sources used to compile the categorisation. </t>
    </r>
  </si>
  <si>
    <t>Using the NbS Categorisation</t>
  </si>
  <si>
    <t xml:space="preserve">The categorisation does not require any data inputs. You can filter the categorisation by clicking the drop-down button found in any of the column headings in Row 6. Columns A to D and rows 1 to 6 are ‘frozen’ to make it clear which rows correspond with each intervention. This means you must navigate the spreadsheet by scrolling through cells which are not frozen. Filtering by any of the column headings will allow you to identify interventions and associated information that are relevant to your specific filtering requirement.  
The categorisation of NbS, described as interventions, is shown in columns B to F. Column B shows the NbS Group – SuDS, NFM, River Restoration, Coastal NbS, or Wetlands. Column C shows the NbS category. Column D shows the NbS intervention name. Column E contains a description of the NbS. Column F details whether the intervention aligns with the IUCN definition of NbS, signified with the acronym ‘NbS’ if it does align, and ‘Not NbS’ if it does not align with the definition, and whether the intervention produces Natural Capital, which is indicated by the suffix ‘(NC)’. 
Column G contains indicates the typical location where an NbS might be implemented. 
Column H shows the Natural Capital broad habitat category that is most applicable to the NbS.
Column I shows the Biodiversity Net Gain (BNG) habitat types that are most applicable to each intervention. 
The source of the categorisation information is shown in column J - the reference that corresponds to the source number can be viewed in the worksheet titled 'Sources'. </t>
  </si>
  <si>
    <t>The table below comprises the NbS Categorisation. The categorisation does not require any data inputs. You can filter the table by clicking the drop-down button found in any of the column headings in Row 6. More information about the categorisation can be seen in the 'ReadMe' worksheet.</t>
  </si>
  <si>
    <t>Nature-based Solution standardisation</t>
  </si>
  <si>
    <t>Nature-based Solution information</t>
  </si>
  <si>
    <t>NbS group</t>
  </si>
  <si>
    <t>NbS category
(Tier 1)</t>
  </si>
  <si>
    <t>NbS intervention
(Tier 2)</t>
  </si>
  <si>
    <t>NbS description</t>
  </si>
  <si>
    <t>NbS type</t>
  </si>
  <si>
    <t>Location</t>
  </si>
  <si>
    <t>Natural Capital broad habitat category</t>
  </si>
  <si>
    <t>Biodiversity Net Gain (BNG) habitat type</t>
  </si>
  <si>
    <t>Source</t>
  </si>
  <si>
    <t>Treatment wetlands</t>
  </si>
  <si>
    <t>Surface flow constructed wetlands</t>
  </si>
  <si>
    <t>Free water surface constructed wetlands</t>
  </si>
  <si>
    <t>Free water surface (FWS) constructed wetlands are shallow basins or channels designed to treat water and wastewater by mimicking processes in natural wetlands. Vegetation comprises marsh habitat with natural soils as a planting media and water depths of 300-500mm. The main habitat community types present in these systems are: Emergent Aquatic Vegetation (EAV); Submerged Aquatic Vegetation (SAV); Floating Aquatic Vegetation (FAV); Open unvegetated Water (OW).</t>
  </si>
  <si>
    <t>NbS (produces NC)</t>
  </si>
  <si>
    <t>End-of-pipe</t>
  </si>
  <si>
    <t>Urban natural capital</t>
  </si>
  <si>
    <t>Lakes - Ponds (priority habitat), Lakes - Ponds (non-priority habitat), Wetlands - Reedbeds, Watercourse – Ditches</t>
  </si>
  <si>
    <t>Integrated constructed wetlands</t>
  </si>
  <si>
    <t>Integrated Constructed Wetlands (ICWs) are a type of FWS wetlands that apply the principals of the ICW approach. These include integration into the existing landscape, utilising topography and wet areas as well as promoting the use of local materials for construction, including soils for lining (where suitable clay is available) and planting substrates to deliver multiple benefits as a core design goal. Vegetation comprises of marsh habitat with natural soils as a planting media and water depths of 300-500mm. The main habitat community types present in these systems are - Emergent Aquatic Vegetation (EAV); Submerged Aquatic Vegetation (SAV); Floating Aquatic Vegetation (FAV); Open unvegetated Water (OW).</t>
  </si>
  <si>
    <t>4, 10, 20</t>
  </si>
  <si>
    <t>Sub-surface flow constructed wetlands</t>
  </si>
  <si>
    <t>Horizontal sub-surface flow constructed wetlands</t>
  </si>
  <si>
    <r>
      <rPr>
        <sz val="12"/>
        <color rgb="FF000000"/>
        <rFont val="Arial"/>
        <family val="2"/>
      </rPr>
      <t>Horizontal sub-surface flow (HSSF) systems are a gravel based saturated wetland that rely on microbial degradation process taking place as the water flows horizontally through porous media. The water table is not visible and the conditions are anoxic and/or anaerobic. Vegetation comprises Emergent Aquatic Vegetation (EAV) - emergent macrophytes typically comprise common reed (</t>
    </r>
    <r>
      <rPr>
        <i/>
        <sz val="12"/>
        <color rgb="FF000000"/>
        <rFont val="Arial"/>
        <family val="2"/>
      </rPr>
      <t>Phragmites australis</t>
    </r>
    <r>
      <rPr>
        <sz val="12"/>
        <color rgb="FF000000"/>
        <rFont val="Arial"/>
        <family val="2"/>
      </rPr>
      <t>) and common bulrush (</t>
    </r>
    <r>
      <rPr>
        <i/>
        <sz val="12"/>
        <color rgb="FF000000"/>
        <rFont val="Arial"/>
        <family val="2"/>
      </rPr>
      <t>Typha latifolia</t>
    </r>
    <r>
      <rPr>
        <sz val="12"/>
        <color rgb="FF000000"/>
        <rFont val="Arial"/>
        <family val="2"/>
      </rPr>
      <t>).</t>
    </r>
  </si>
  <si>
    <t xml:space="preserve"> Wetlands - Reedbeds</t>
  </si>
  <si>
    <t>Vertical flow constructed wetlands</t>
  </si>
  <si>
    <r>
      <rPr>
        <sz val="12"/>
        <color rgb="FF000000"/>
        <rFont val="Arial"/>
        <family val="2"/>
      </rPr>
      <t>Vertical flow constructed wetlands (VFCWs) consist of cells of porous media (typically sand), that are fed intermittently. The water can be pump or syphon delivered to the cells, flowing vertically. Due to their batch operation, they provide aerobic conditions for microbial processing of organic matter and conversion of ammonia into nitrate. Variations exist where part of the media is kept saturated to enable simultaneous nitrification and denitrification to take place. VFCWs can be applied in a "French" Wetland configuration, whereby two or more VFCWs are used in a series to treat raw wastewater. Vegetation comprises Emergent Aquatic Vegetation (EAV) - emergent macrophytes typically comprise common reed (</t>
    </r>
    <r>
      <rPr>
        <i/>
        <sz val="12"/>
        <color rgb="FF000000"/>
        <rFont val="Arial"/>
        <family val="2"/>
      </rPr>
      <t>Phragmites australis</t>
    </r>
    <r>
      <rPr>
        <sz val="12"/>
        <color rgb="FF000000"/>
        <rFont val="Arial"/>
        <family val="2"/>
      </rPr>
      <t>) and common bulrush (</t>
    </r>
    <r>
      <rPr>
        <i/>
        <sz val="12"/>
        <color rgb="FF000000"/>
        <rFont val="Arial"/>
        <family val="2"/>
      </rPr>
      <t>Typha latifolia</t>
    </r>
    <r>
      <rPr>
        <sz val="12"/>
        <color rgb="FF000000"/>
        <rFont val="Arial"/>
        <family val="2"/>
      </rPr>
      <t xml:space="preserve">).
</t>
    </r>
  </si>
  <si>
    <t>4, 10</t>
  </si>
  <si>
    <t>Aerated constructed wetlands</t>
  </si>
  <si>
    <r>
      <rPr>
        <sz val="12"/>
        <color rgb="FF000000"/>
        <rFont val="Arial"/>
        <family val="2"/>
      </rPr>
      <t>Aerated wetlands can include saturated VFCWs and HSSFs, that include artificial aeration to increase the breakdown of pollutants. Vegetation comprises Emergent Aquatic Vegetation (EAV) - emergent macrophytes typically comprise common reed (</t>
    </r>
    <r>
      <rPr>
        <i/>
        <sz val="12"/>
        <color rgb="FF000000"/>
        <rFont val="Arial"/>
        <family val="2"/>
      </rPr>
      <t>Phragmites australis</t>
    </r>
    <r>
      <rPr>
        <sz val="12"/>
        <color rgb="FF000000"/>
        <rFont val="Arial"/>
        <family val="2"/>
      </rPr>
      <t>) and common bulrush (</t>
    </r>
    <r>
      <rPr>
        <i/>
        <sz val="12"/>
        <color rgb="FF000000"/>
        <rFont val="Arial"/>
        <family val="2"/>
      </rPr>
      <t>Typha latifolia</t>
    </r>
    <r>
      <rPr>
        <sz val="12"/>
        <color rgb="FF000000"/>
        <rFont val="Arial"/>
        <family val="2"/>
      </rPr>
      <t>).</t>
    </r>
  </si>
  <si>
    <t>Constructed wetlands</t>
  </si>
  <si>
    <t>Floating treatment wetlands</t>
  </si>
  <si>
    <r>
      <rPr>
        <sz val="12"/>
        <color rgb="FF000000"/>
        <rFont val="Arial"/>
        <family val="2"/>
      </rPr>
      <t>Floating treatment wetlands (FTWs) consist of cells with open water, where part of the open water area is covered with artificial buoyant platforms that have been planted with emergent macrophytes. As such, they combine attributes of FWS systems, where areas of open water encourage settling and equalisation of flows, with enhanced settling and microbial degradation processes due to the dense root networks that form as the plants mature. Vegetation comprises Emergent Aquatic Vegetation (EAV) - primarily mixed native species, but can also be monoculture common reed (</t>
    </r>
    <r>
      <rPr>
        <i/>
        <sz val="12"/>
        <color rgb="FF000000"/>
        <rFont val="Arial"/>
        <family val="2"/>
      </rPr>
      <t>Phragmites australis</t>
    </r>
    <r>
      <rPr>
        <sz val="12"/>
        <color rgb="FF000000"/>
        <rFont val="Arial"/>
        <family val="2"/>
      </rPr>
      <t xml:space="preserve">).
</t>
    </r>
  </si>
  <si>
    <t>Lakes - Ponds (non-priority habitat), Wetlands - Reedbeds</t>
  </si>
  <si>
    <t>Zero-discharge constructed wetlands</t>
  </si>
  <si>
    <r>
      <t>Zero-discharge constructed wetlands typically comprise willow-based evapotranspiration beds that evaporate treated water, resulting in no release of  effluent to surface water bodies. Vegetation comprises Terrestrial vegetation - willow coppice (</t>
    </r>
    <r>
      <rPr>
        <i/>
        <sz val="12"/>
        <color theme="1"/>
        <rFont val="Arial"/>
        <family val="2"/>
      </rPr>
      <t>Salix sp.</t>
    </r>
    <r>
      <rPr>
        <sz val="12"/>
        <color theme="1"/>
        <rFont val="Arial"/>
        <family val="2"/>
      </rPr>
      <t>)</t>
    </r>
  </si>
  <si>
    <t>Heathland and shrub – Willow scrub.</t>
  </si>
  <si>
    <t>Treatment lagoons</t>
  </si>
  <si>
    <t>Treatment lagoons, also known as wastewater lagoons or stabilization ponds, are large, shallow, earthen basins used to treat wastewater through natural biological and chemical processes. Vegetation comprises Open unvegetated Water (OW).</t>
  </si>
  <si>
    <t xml:space="preserve"> Lakes - Ponds (non-priority habitat)</t>
  </si>
  <si>
    <t>SuDS</t>
  </si>
  <si>
    <t>Source Control</t>
  </si>
  <si>
    <t>Urban tree planting</t>
  </si>
  <si>
    <t>Planting individual trees in urban environments, e.g. street trees, incorporated into developments or in urban parks, typically supported by sub-surface infrastructure. Interventions may include structural soil or tree crates to prevent soil compaction, sub-surface drainage for heavy soils, rainwater channelling systems, and air/water pipes to ensure adequate root aeration and hydration.</t>
  </si>
  <si>
    <t>Urban</t>
  </si>
  <si>
    <t>Individual trees – Urban tree</t>
  </si>
  <si>
    <t>2, 7, 10</t>
  </si>
  <si>
    <t>Green roofs</t>
  </si>
  <si>
    <t>Green roofs are areas of living vegetation, installed on the top of buildings, for visual benefit, ecological value, enhanced building performance and the reduction of surface water runoff.</t>
  </si>
  <si>
    <t>Urban - Biodiverse green roof, Urban - Intensive green roof, Urban - Other green roof</t>
  </si>
  <si>
    <t>2, 7, 10,15</t>
  </si>
  <si>
    <t>Blue roofs</t>
  </si>
  <si>
    <t>Blue roofs capture rainfall and temporarily store roof runoff, releasing it slowly. Interventions may  include proprietary systems that share similar features with green roofs, such as vegetation, although this is not standard practice.</t>
  </si>
  <si>
    <t>Not NbS</t>
  </si>
  <si>
    <t>N/A</t>
  </si>
  <si>
    <t>2, 15</t>
  </si>
  <si>
    <t>Green walls</t>
  </si>
  <si>
    <t>Green walls are vegetated vertical structures, otherwise known as 'vertical gardens'. Green walls can have various configurations, dependent on where the vegetation is planted. Interventions may include plants with roots in the ground at the base of the building, which climb up cables or trellis; walls which have irrigated pockets; and pots which are planted.</t>
  </si>
  <si>
    <t>Urban - Facade-bound green wall, Urban - Ground based green wall</t>
  </si>
  <si>
    <t>Rainwater harvesting</t>
  </si>
  <si>
    <t>Rainwater harvesting is the collection of rainwater runoff for use. Runoff can be collected from roofs and other impermeable areas, stored (e.g. in water butts), treated (where required) and then used as a supply of water for domestic, commercial, industrial and/or institutional properties. Interventions may include blue roofs within a rainwater harvesting system as roof level header tanks for non-potable uses within buildings.</t>
  </si>
  <si>
    <t>2, 10,15</t>
  </si>
  <si>
    <t>Pervious pavements</t>
  </si>
  <si>
    <t>Porous pavements infiltrate water across their entire surface material (porous asphalt, concrete or blocks). Permeable pavements are made from impervious material with permeation achieved through the joints (typically blocks with grit joints, concrete grids, hard or soft plastic 3D geogrids). Porous and permeable pavements are collectively known as pervious pavements, which provide a surface suitable for pedestrian and/or vehicular traffic, while allowing rainwater to infiltrate through the surface and into the underlying layers. The water is temporarily stored beneath the overlying structure before use, infiltration to the ground, or controlled discharge downstream. Interventions may include concrete or geogrids with soil infill which can be seeded to allow vegetation (typically grass) to grow.</t>
  </si>
  <si>
    <t>Bioretention systems (including raingardens)</t>
  </si>
  <si>
    <t>Bioretention systems are shallow landscaped depressions that can reduce runoff rates and volumes, and treat pollution through the use of engineered soils and vegetation. Bioretention systems typically comprise rain gardens. 
Rain gardens are relatively small depressions in the ground that can act as infiltration points for roof water and other surface water that is low in contamination levels. Rain gardens are most likely to be installed close to buildings. In order for roof water to reach a rain garden, property downpipes are often disconnected from the drainage system and redirected.</t>
  </si>
  <si>
    <t>Urban - Rain garden</t>
  </si>
  <si>
    <t>Swales (and conveyance channels)</t>
  </si>
  <si>
    <t>Swales</t>
  </si>
  <si>
    <t>Shallow, vegetated channels that convey, treat, and attenuate surface water runoff. Interventions may include infiltration unless prevented by soil or lining; this is usually beneficial unless there’s risk to groundwater or sensitive aquifers. Where infiltration is a concern, a low-permeability lining is typically used. Pairing swales with upstream filter strips can help reduce sediment-bound pollutants.</t>
  </si>
  <si>
    <t>Urban - Bioswale</t>
  </si>
  <si>
    <t>2, 7, 10, 15</t>
  </si>
  <si>
    <t>Channels and rills</t>
  </si>
  <si>
    <t xml:space="preserve">Channels convey runoff across surfaces and can be designed to treat and slow flows. Rills are narrow, shallow channels that gently direct surface water. </t>
  </si>
  <si>
    <t>2, 7</t>
  </si>
  <si>
    <t>Filtration</t>
  </si>
  <si>
    <t>Filter strips</t>
  </si>
  <si>
    <t>Filter strips are uniformly graded and gently sloping strips of grass or other dense vegetation that are designed to treat runoff from adjacent impermeable areas by promoting sedimentation, filtration and infiltration (where acceptable).</t>
  </si>
  <si>
    <t>Grassland - Modified grassland, Grassland - Other neutral grassland</t>
  </si>
  <si>
    <t>2, 7,15</t>
  </si>
  <si>
    <t>Filter drains</t>
  </si>
  <si>
    <t>Filter drains are shallow trenches filled with stone/gravel that create temporary subsurface storage for the attenuation, conveyance and filtration of surface water runoff.</t>
  </si>
  <si>
    <t>2, 7, 15</t>
  </si>
  <si>
    <t>Infiltration</t>
  </si>
  <si>
    <t>Soakaways</t>
  </si>
  <si>
    <t>Soakaways are square or circular excavations either filled with rubble or lined with brickwork, pre-cast concrete or polyethylene rings/perforated storage structures surrounded by granular backfill. They can be grouped and linked together to drain large areas including highways. The supporting structure and backfill can be substituted by modular or geocellular units.</t>
  </si>
  <si>
    <t>2,7,15</t>
  </si>
  <si>
    <t>Infiltration trenches</t>
  </si>
  <si>
    <t>Infiltration trenches are shallow excavations with rubble or stone that create temporary subsurface storage of stormwater runoff, thereby enhancing the natural capacity of the ground to store and drain water. Infiltration trenches allow water to exfiltrate into the surrounding soils from the bottom and sides of the trench. Ideally they should receive lateral inflow from an adjacent impermeable surface, but point source inflows may be acceptable.</t>
  </si>
  <si>
    <t>Infiltration basins</t>
  </si>
  <si>
    <t>Infiltration basins are vegetated depressions designed to store runoff on the surface and infiltrate it gradually into the ground. They are dry except in periods of heavy rainfall. Interventions may include protection by upstream SuDS interventions, a sediment forebay, and/or proprietary treatment. The combination of upstream interventions will depend on the risks posed by upstream surfaces being drained to the basin. The long term life of the basin is critically linked to the effectiveness of the upstream interventions.</t>
  </si>
  <si>
    <t>Retention &amp; detention</t>
  </si>
  <si>
    <t>Detention basins</t>
  </si>
  <si>
    <t>Detention basins are landscaped depressions that are normally dry except during and immediately following storm events. They can be on-line components where surface runoff from regular events is routed through the basin and when the flows rise, because the outlet is restricted, the basin fills and provides storage of runoff and flow attenuation. They can also be offline components into which runoff is diverted once flows reach a specified threshold.  Interventions may include protection by upstream SuDS interventions, a sediment forebay, and/or proprietary treatment. The combination of upstream interventions will depend on the risks posed by upstream surfaces being drained to the basin. The long term life of the basin is critically linked to the effectiveness of the upstream interventions.</t>
  </si>
  <si>
    <t>Retention ponds</t>
  </si>
  <si>
    <t>Retention ponds are features with a permanent pool of water that provide both attenuation and treatment of surface water runoff, typically through sedimentation, before the water is slowly released or infiltrated. Unlike detention basins, retention ponds maintain a constant water level and often include vegetation and habitat features that support biodiversity and improve water quality.  Interventions may include protection by upstream SuDS interventions, a sediment forebay, and/or proprietary treatment. The combination of upstream interventions will depend on the risks posed by upstream surfaces being drained to the pond. The long term life of the pond is critically linked to the effectiveness of the upstream interventions.</t>
  </si>
  <si>
    <t>Lakes - Ponds (priority habitat), Lakes - Ponds (non-priority habitat), Wetlands - Reedbeds</t>
  </si>
  <si>
    <t>Urban wetlands</t>
  </si>
  <si>
    <t>Urban wetlands are functionally similar to retention ponds, comprising a permanent pool of water to achieve attenuation and treatment of surface water runoff. Wetlands typically have more dense aquatic planting and have more of a focus on water quality treatment than ponds.</t>
  </si>
  <si>
    <t>Attenuation storage tanks</t>
  </si>
  <si>
    <t>Attenuation storage tanks are used to create a below-ground void space for the temporary storage of surface water before infiltration, controlled release or use. They can also be unlined, allowing infiltration. These can be constructed from plastic crate systems as well as reinforced concrete.</t>
  </si>
  <si>
    <t>2, 10, 15</t>
  </si>
  <si>
    <t>Proprietary treatment systems</t>
  </si>
  <si>
    <t xml:space="preserve">Proprietary treatment systems are manufactured products that remove specified pollutants from surface water runoff. </t>
  </si>
  <si>
    <t>NFM</t>
  </si>
  <si>
    <t>Upland peatland management</t>
  </si>
  <si>
    <t>Revegetation and habitat management</t>
  </si>
  <si>
    <t>Conversion of bare peat or sparse vegetation to a well-vegetated condition, or from uncharacteristic vegetation to peat forming vegetation, often with a dense surface cover including Sphagnum moss. Management of vegetation cover can the increase surface roughness which slows the flow of run-off.</t>
  </si>
  <si>
    <t>Catchment</t>
  </si>
  <si>
    <t>Mountain, moor and heathland</t>
  </si>
  <si>
    <t>Wetland - Blanket bog, Wetland - Fens (upland and lowland), Wetland - Transition mires and quaking bogs (H7140</t>
  </si>
  <si>
    <t>1, 10</t>
  </si>
  <si>
    <t>Grip blocking</t>
  </si>
  <si>
    <t xml:space="preserve">Installation of leaky barriers, formed form wooden piling, stone or peat, within eroded gullies, each with a small slot or pipe to slowly release water. They should be installed in a series of cross-channel barriers repeated at intervals along the length of the erosion gullies. This reduces erosion and is conducive to peat accumulation. </t>
  </si>
  <si>
    <t>Ditch blocking</t>
  </si>
  <si>
    <t>Installation of dams, formed from peat extracted adjacent to the drainage ditch to create a widened pool. This is repeated at intervals along the length of open ditches.</t>
  </si>
  <si>
    <t>Hillslope pool creation</t>
  </si>
  <si>
    <r>
      <t>Development of</t>
    </r>
    <r>
      <rPr>
        <u/>
        <sz val="12"/>
        <color rgb="FF000000"/>
        <rFont val="Arial"/>
        <family val="2"/>
      </rPr>
      <t xml:space="preserve"> </t>
    </r>
    <r>
      <rPr>
        <sz val="12"/>
        <color rgb="FF000000"/>
        <rFont val="Arial"/>
        <family val="2"/>
      </rPr>
      <t>shallow (30cm to 50cm) open water pools on peat hillslopes (not channels) formed by scraping out peat hollows or forming semi-circular raised peat bunds on the peat surface to retain water.</t>
    </r>
  </si>
  <si>
    <t>Runoff management</t>
  </si>
  <si>
    <t>Cross track drains and diverters</t>
  </si>
  <si>
    <t>Retrofitting cross drains and deflectors on existing tracks to interrupt or divert overland flow pathways across the landscape, encourage infiltration into the ground, slow the flow and divert water away from problematic locations. Cross drains typically sit below the surface of the road/track whereas deflectors sit above the surface.</t>
  </si>
  <si>
    <t>Enclosed farmland; Mountain, moor and heathland; Woodland; Semi-natural grassland</t>
  </si>
  <si>
    <t>Vegetative barriers</t>
  </si>
  <si>
    <t>Vegetative barriers can include hedgerows, banked hedges, bales (e.g., coconut, straw, wood chips), fascine, etc. These are most effective when placed immediately downstream of erosion sources, across channels of concentrated run-off or immediately upstream of local assets at risk. Using vegetative barriers in combination maximises their efficiency. They intercept flow pathways and store water to increase infiltration and transpiration.</t>
  </si>
  <si>
    <t>Hedgerows and lines of trees - Line of trees, Hedgerows and lines of trees - Native hedgerow, Hedgerows and lines of trees - Species-rich native hedgerow</t>
  </si>
  <si>
    <t>Buffer strips</t>
  </si>
  <si>
    <t>Linear features strategically placed across a slope to allow the establishment of rougher vegetation to slow the flow and help infiltrate and filter overland flows. Riparian buffer strips run alongside watercourses. In-field buffer strips can be found across fields or along field boundaries. They can be used in a range of situations within agricultural land or amenity grassland and alongside woodland, hedgerows/field boundaries or watercourses.</t>
  </si>
  <si>
    <t>Kested hedges</t>
  </si>
  <si>
    <t>Kested hedges are traditional hedgerows that grow on a raised earth bank, often reinforced with stones or turf. This structure provides additional height and stability, creating a more robust barrier and offering diverse habitats for wildlife. The raised bank also helps with drainage and can support a wider range of plant species compared to standard hedges.</t>
  </si>
  <si>
    <t>1, 11</t>
  </si>
  <si>
    <t>Short rotation coppice</t>
  </si>
  <si>
    <t xml:space="preserve">Short rotation coppice cultivates fast-growing tree species. Planting short rotation coppice (e.g., willow, poplar) on floodplains can increase hydraulic roughness and therefore slow runoff before entering the river, as well as slowing overbank flows. </t>
  </si>
  <si>
    <t>Heathland and shrub – Willow scrub, Woodland and forest - Wet woodland</t>
  </si>
  <si>
    <t>Runoff storage</t>
  </si>
  <si>
    <t>Constructed Ponds</t>
  </si>
  <si>
    <t>Depression that holds water permanently with freeboard to accommodate additional capacity for storm events. Flood water is then stored temporarily and released in a controlled manner. Ponds are designed and located to store water from runoff pathways.</t>
  </si>
  <si>
    <t>Freshwaters</t>
  </si>
  <si>
    <t>Lakes - Ponds (non-priority habitat)</t>
  </si>
  <si>
    <t>Temporary ponds</t>
  </si>
  <si>
    <t>Temporary ponds (also called ephemeral or seasonal ponds) are shallow depressions that hold water for part of the year, typically during wetter seasons, and dry out during summer. They are important for species adapted to fluctuating water levels, such as amphibians and certain invertebrates.</t>
  </si>
  <si>
    <t>Lakes - Ponds (non-priority habitat), Lakes - Ponds (priority habitat)</t>
  </si>
  <si>
    <t>Scrapes (temporary ponds)</t>
  </si>
  <si>
    <t>Natural or excavated depressions that fill with water in the winter and gradually dry out in the spring and summer. They are designed to have additional capacity to hold more water during storm events. Scrapes are designed and located to store water from runoff pathways.</t>
  </si>
  <si>
    <t>Lakes - Ponds (non-priority habitat)
Wetland - Reedbeds</t>
  </si>
  <si>
    <t>Bunds and earthen dams</t>
  </si>
  <si>
    <t>A bank created to provide flood storage or to help divert runoff. Commonly made from earth but other materials such as timber can be used. For the benefit of flood storage, bunds  are constructed along the contour to slow and hold back field runoff. A bund can form a basin where water is held behind it. Bunds can also be constructed at an angle to the contour to slow and divert runoff away from areas at high flood risk.</t>
  </si>
  <si>
    <t>1, 9, 10</t>
  </si>
  <si>
    <t>Online storage</t>
  </si>
  <si>
    <t>Storage on runoff pathways.</t>
  </si>
  <si>
    <t>Runoff swales</t>
  </si>
  <si>
    <t>Broad, shallow, linear vegetated channels which can store or convey surface water (reducing runoff rates and volumes) and remove pollutants following rainfall. Swales store water on overland flow pathways to reduce the flow towards a watercourse and encourage infiltration. Bioswales are swales with vegetation that is primarily included for water treatment and thus will have greater water quality benefits.</t>
  </si>
  <si>
    <t>Woodland</t>
  </si>
  <si>
    <t>Cross slope woodland</t>
  </si>
  <si>
    <t>Woodland belts planted across slopes to slow the flow down slopes, intercept rainfall, increase evaporation and uptake by vegetation and infiltration.</t>
  </si>
  <si>
    <t>Woodland - Other woodland; broadleaved</t>
  </si>
  <si>
    <t>Riparian woodland</t>
  </si>
  <si>
    <t>Woodland creation along watercourses, usually in a narrow strip either side of the watercourse often accompanied with exclusion of livestock. Over time, fallen trees will naturally create large woody debris dams.</t>
  </si>
  <si>
    <t>Woodland - Other woodland; broadleaved, Woodland - Wet woodland</t>
  </si>
  <si>
    <t>Floodplain woodland</t>
  </si>
  <si>
    <t>Trees planted in the floodplain to slow the flow across it, intercept rainfall, increase evaporation and uptake by vegetation and infiltration.</t>
  </si>
  <si>
    <t>1, 5, 10</t>
  </si>
  <si>
    <t>Catchment woodland</t>
  </si>
  <si>
    <t>Tree planting and woodland creation to increase the overall woodland cover across a catchment.</t>
  </si>
  <si>
    <t>Wet woodland</t>
  </si>
  <si>
    <t>Wet woodland is a type of woodland habitat that occurs on poorly drained or seasonally flooded soils, often along rivers, streams, or in low-lying areas. It typically features tree species tolerant of waterlogged conditions, such as alder, willow, and birch.</t>
  </si>
  <si>
    <t>Woodland - Other woodland; broadleaved, Woodland - Lowland mixed deciduous woodland</t>
  </si>
  <si>
    <t>Manage woodland for flood management</t>
  </si>
  <si>
    <t>The aim of this supplemental action is to manage woodland to retain water through enhanced soil infiltration and temporary water storage features. The purpose is to deliver benefits for: natural flood management; improved water resources and water quality.</t>
  </si>
  <si>
    <t>Assisted natural regeneration</t>
  </si>
  <si>
    <t>Tree fall</t>
  </si>
  <si>
    <t>Letting trees fall into rivers/streams can be part of passive management. This allows them to be moved by river flows into patterns directed by the natural form of the river.</t>
  </si>
  <si>
    <t>Watercourse - Priority Habitat, Watercourse - Other rivers and streams</t>
  </si>
  <si>
    <t>9, 10</t>
  </si>
  <si>
    <t>Rewilding</t>
  </si>
  <si>
    <t>Rewilding can involve introducing native plants or animals, allowing dynamic natural processes to take place.</t>
  </si>
  <si>
    <t>Reduce grazing pressure</t>
  </si>
  <si>
    <t>The exclusion of sheep is a passive strategy whereby sheep are excluded from grazing in certain areas to allow natural vegetation to recover and grow.</t>
  </si>
  <si>
    <t>Land management - biodiversity</t>
  </si>
  <si>
    <t>Beetle banks</t>
  </si>
  <si>
    <t>This action’s aim is that there’s an in-field raised grassy bank, with tussocky grass allowed to develop. The purpose of this is to: provide nesting and foraging habitats for ground-nesting birds, small mammals and insects; help slow down or stop soil erosion; support an integrated pest management approach if located close to cropped areas. Management of vegetation cover can the increase surface roughness which slows the flow of run-off. Farmscoper mitigation method ID: 107. Similar Sustainable Farming Incentive action(s):  AHW3.</t>
  </si>
  <si>
    <t>Enclosed farmland</t>
  </si>
  <si>
    <t>Cropland - Arable field margins cultivated annually, Cropland - Arable field margins game bird mix, Cropland - Arable field margins pollen and nectar, Cropland - Arable field margins tussocky</t>
  </si>
  <si>
    <t>Bumblebird mix</t>
  </si>
  <si>
    <t>This action’s aim is that there’s an established multi-annual mix of seed-bearing crops and flower species which: is growing in blocks or strips; produces small seeds for farmland birds from late autumn until late winter; produces areas of pollen and nectar-rich flowering plants during the growing season. The purpose of this is to: provide food resources for farmland birds and nectar feeding insects, such as bumble bees, solitary bees, butterflies and hoverflies; increase biodiversity; support an integrated pest management approach if located close to cropped areas. Similar Countryside Stewardship Higher Tier; Sustainable Farming Incentive action(s):  CAB16; AHW1.</t>
  </si>
  <si>
    <t>Flower-rich grass margins, blocks or in-field strips</t>
  </si>
  <si>
    <t>This action’s aim is that there’s an established multi-annual flower-rich grass mix which: is growing in margins, blocks or in-field strips; produces flowering plants during spring and summer months, into until early autumn. The purpose of this is to: encourage natural crop pest predators as part of an integrated pest management approach, if located close to cropped areas; provide habitat and foraging sites for invertebrates including natural crop pest predators, wild pollinators such as bumblebees, solitary bees, butterflies and hoverflies, and farmland birds. Management of vegetation cover can the increase surface roughness which slows the flow of run-off. Similar Countryside Stewardship Higher Tier; Sustainable Farming Incentive action(s):  CAB18; CIPM2.</t>
  </si>
  <si>
    <t>Semi-natural grassland</t>
  </si>
  <si>
    <t>Management of arable field corners</t>
  </si>
  <si>
    <t>This action’s aim is that there’s a grassy field corner or block with: an intact grass sward throughout the year, without tracks, compacted areas or poaching; tussocky grass allowed to develop. The purpose of this is to: provide year-round habitat for a range of wildlife; support an integrated pest management approach if located close to cropped areas. Farmscoper mitigation method ID: 105. Similar Sustainable Farming Incentive action(s):  CAHL3.</t>
  </si>
  <si>
    <t>Management of grassland field corners</t>
  </si>
  <si>
    <t>This action’s aim is that grassland field corners are managed in a way that reduces intensive agricultural use and promotes wildlife-friendly practices. The purpose of this is to: create areas of taller vegetation and varied structure for nesting and shelter; provide foraging habitat for insects and birds; and support plant diversity by reducing cutting and grazing pressure in these less productive areas. Farmscoper mitigation method ID: 114.</t>
  </si>
  <si>
    <t>Management of in-field ponds</t>
  </si>
  <si>
    <t>This action’s aim is that there’s a pond containing clear and clean water with: a range of semi-aquatic vegetation allowed to develop around the pond edge; submerged and floating pond plants; submerged or partially submerged deadwood. The purpose of this is to: increase biodiversity; help improve water quality; provide habitats for native aquatic species. Farmscoper mitigation method ID: 103. Similar Countryside Stewardship Higher Tier; Sustainable Farming Incentive action(s):  CWT15; WBD1.</t>
  </si>
  <si>
    <t>Lakes - Ponds (non-priority habitat)
Wetland - Reedbeds
Lakes - Ponds (priority habitat)</t>
  </si>
  <si>
    <t>Management of woodland edges</t>
  </si>
  <si>
    <t>This action’s aim is that there’s an uncultivated, naturally regenerated strip of scrub and grass mosaic developing between arable land and woodland. The purpose of this is to provide woodland edge habitat for birds, invertebrates, small mammals and other wildlife. Farmscoper mitigation method ID: 102. Similar Countryside Stewardship Higher Tier; Sustainable Farming Incentive action(s):  CWD3; AHW12.</t>
  </si>
  <si>
    <t>Plant areas of farm with wild bird seed / nectar flower mixtures</t>
  </si>
  <si>
    <t>This action’s aim is that there’s an established pollen and nectar flower mix which: is growing in blocks or strips; produces areas of flowering plants from late spring and during the summer months. The purpose of this is to: provide food for beneficial pollinators such as bumble bees, solitary bees, butterflies and hoverflies; encourage natural crop pest predators as part of an integrated pest management approach if located close to cropped areas. Management of vegetation cover can the increase surface roughness which slows the flow of run-off. Farmscoper mitigation method ID: 106. Similar Countryside Stewardship Higher Tier; Sustainable Farming Incentive action(s):  CAB19; CAHL1.</t>
  </si>
  <si>
    <t>Protection of in-field trees</t>
  </si>
  <si>
    <t>This action’s aim is that there’s an uncultivated, naturally regenerated grass buffer which: is around an in-field tree on grassland that’s managed intensively; has minimal weeds and bare ground. The purpose of this is to: protect the tree roots from damage by agricultural cultivation; retain the trees as important features in the local landscape; provide standing and fallen deadwood habitats for invertebrates. Farmscoper mitigation method ID: 101. Similar Sustainable Farming Incentive action(s):  BFS4; BFS5.</t>
  </si>
  <si>
    <t>Individual tree - Rural tree</t>
  </si>
  <si>
    <t>Skylark plots</t>
  </si>
  <si>
    <t>This action’s aim is that there are fallow plots for nesting skylarks within a winter cereal crop, until the crop is harvested in the summer. The purpose of this is to provide skylarks with suitable nesting habitats in winter cereal crops throughout their breeding season. Farmscoper mitigation method ID: 109. Similar Sustainable Farming Incentive action(s):  AHW4.</t>
  </si>
  <si>
    <t>Take grassland field corners or blocks out of management</t>
  </si>
  <si>
    <t>This action’s aim is that there are grassland field corners or blocks taken out of management, so tussocky grass can develop.  The purpose of this is to: provide year-round habitat for a range of wildlife; support an IPM approach if located close to cropped areas. Similar Sustainable Farming Incentive action(s):  CIGL1.</t>
  </si>
  <si>
    <t>Uncropped cultivated areas</t>
  </si>
  <si>
    <t>This action’s aim is that there are fallow cultivated margins or plots with: a fine surface suitable for wild arable plants to establish from the soil seed bank when they’re cultivated in the spring or autumn; natural vegetative cover throughout the growing season until the end of the summer. The purpose of this is to: allow scarce and declining wild arable plants to increase their populations over time; provide areas of less densely vegetated ground for insects such as bumblebees, solitary bees and hoverflies; provide summer foraging habitats for farmland birds such as grey partridge and turtle dove. Farmscoper mitigation method ID: 110. Similar Countryside Stewardship Higher Tier; Sustainable Farming Incentive action(s):  CAB11; AHW11.</t>
  </si>
  <si>
    <t>Uncropped cultivated margins</t>
  </si>
  <si>
    <t>This action’s aim is that there’s an established multi-annual flower-rich grass mix which: is growing in margins, blocks or in-field strips; produces flowering plants during spring and summer months, into until early autumn. The purpose of this is to: encourage natural crop pest predators as part of an integrated pest management approach, if located close to cropped areas; provide habitat and foraging sites for invertebrates including natural crop pest predators, wild pollinators such as bumblebees, solitary bees, butterflies and hoverflies, and farmland birds. Farmscoper mitigation method ID: 108. Similar Countryside Stewardship Higher Tier; Sustainable Farming Incentive action(s):  CAB18; CIPM2.</t>
  </si>
  <si>
    <t>Undersown spring cereals</t>
  </si>
  <si>
    <t>This action’s aim is that by late spring there’s a cereal crop undersown with a grass or flower-rich legume ley. The purpose of this is to provide habitats that benefits animals, including invertebrates and birds that forage within the undersown cereal crop. Farmscoper mitigation method ID: 113. Similar Sustainable Farming Incentive action(s):  OFA6.</t>
  </si>
  <si>
    <t>Unfertilised cereal headlands</t>
  </si>
  <si>
    <t>This action’s aim is that there’s an open-structured, spring cereal crop which: is growing in strips or plots; remains unfertilised. The purpose of this is to: reduce soil fertility to encourage a wider range of arable plants and broad-leaved species; provide habitat for insects and pollinators; and create foraging areas for farmland birds during the growing season. Farmscoper mitigation method ID: 111.</t>
  </si>
  <si>
    <t>Unharvested cereal headlands</t>
  </si>
  <si>
    <t>This action’s aim is that there’s an open-structured, spring cereal crop which: is growing in strips or plots; remains unharvested during the summer, autumn and winter months. The purpose of this is to: provide a summer food source for farmland birds and insects; help establish a diverse range of arable plants and other broad-leaved plants; provide a habitat that’s present over the winter for insects and food for seed-eating farmland birds. Farmscoper mitigation method ID: 112. Similar Countryside Stewardship Higher Tier; Sustainable Farming Incentive action(s):  CAB10; AHW9.</t>
  </si>
  <si>
    <t>Winter bird food on arable and horticulture land</t>
  </si>
  <si>
    <t>This action’s aim is that there’s an established winter bird food mix growing in blocks or strips, with plants that: grow and flower during the spring and summer; set seed to produce a supply of small seeds from late autumn until late winter. The purpose of this is to: provide food resources for smaller farmland birds especially in late autumn and winter; encourage flowering plants in the summer, which will benefit insects including bumblebees, solitary bees, butterflies and hoverflies; support an integrated pest management approach if located close to cropped areas. Similar Countryside Stewardship Higher Tier; Sustainable Farming Incentive action(s):  CAB17; CAHL2.</t>
  </si>
  <si>
    <t>Land management - field connectivity</t>
  </si>
  <si>
    <t>Allow grassland field drainage systems to deteriorate</t>
  </si>
  <si>
    <t>This action’s aim is to reduce runoff from rainwater and store more surface and groundwater in grasslands. You can do this through changes such as creating topographical features that will retain water after periods of high rainfall. The purpose is to help reduce flooding, improve drought resilience and improve water quality. Farmscoper mitigation method ID: 16. Similar Countryside Stewardship Higher Tier action(s):  CSW24.</t>
  </si>
  <si>
    <t>Semi-natural grassland; Freshwaters</t>
  </si>
  <si>
    <t>Arable reversion to grassland with low fertiliser input</t>
  </si>
  <si>
    <t>This action’s aim is to create a dense and diverse grass sward throughout the year on land at risk of soil erosion or surface runoff. The purpose is to: stabilise the soil; reduce nutrient losses; buffer sensitive habitats; reduce the risk of flooding. Management of vegetation cover can the increase surface roughness which slows the flow of run-off. Similar Countryside Stewardship Higher Tier; Sustainable Farming Incentive action(s):  CSW7; WBD4.</t>
  </si>
  <si>
    <t>Construct bridges for livestock crossing rivers/streams</t>
  </si>
  <si>
    <t>This action’s aim is that dedicated bridges are installed at livestock crossing points over rivers and streams, preventing animals from entering the watercourse directly. The purpose of this is to: protect banks from erosion and poaching, reduce sediment and nutrient transfer to water, maintain water quality, and safeguard aquatic habitats while allowing safe livestock movement. Farmscoper mitigation method ID: 77.</t>
  </si>
  <si>
    <t>Adjacent to watercourse</t>
  </si>
  <si>
    <t>Cultivate and drill across the slope</t>
  </si>
  <si>
    <t>This action’s aim is that cultivation and drilling operations are carried out across the slope rather than up and down, creating a pattern that interrupts water flow and reduces erosion risk. The purpose of this is to: slow surface water movement, reduce soil erosion and runoff, improve water infiltration, and maintain soil structure and crop establishment on sloping land. Farmscoper mitigation method ID: 9.</t>
  </si>
  <si>
    <t>Ditch management on arable land</t>
  </si>
  <si>
    <t>This action’s aim is that there are ditches with: varied bankside and aquatic vegetation; undisturbed wildlife habitat. The purpose of this is to: maintain vegetation that’s typical of wet ditches; provide habitats for wildlife. Farmscoper mitigation method ID: 180. Similar Sustainable Farming Incentive action(s):  WBD2.</t>
  </si>
  <si>
    <t>Watercourse – Ditches</t>
  </si>
  <si>
    <t>Ditch management on grassland</t>
  </si>
  <si>
    <t>This action’s aim is that there are ditches with: varied bankside and aquatic vegetation; undisturbed wildlife habitat. The purpose of this is to: maintain vegetation that’s typical of wet ditches; provide habitats for wildlife. Farmscoper mitigation method ID: 181. Similar Sustainable Farming Incentive action(s):  WBD2.</t>
  </si>
  <si>
    <t>Establish and maintain artificial wetlands - steading runoff</t>
  </si>
  <si>
    <t>This action’s aim is that artificial wetlands are created and maintained to capture and treat runoff from farm steadings before it enters watercourses. The purpose of this is to: slow and filter water flow, trap sediment and nutrients, improve water quality, reduce flood risk, and provide habitat for wildlife, enhancing biodiversity on the farm. Farmscoper mitigation method ID: 81.</t>
  </si>
  <si>
    <t>Establish in-field grass buffer strips</t>
  </si>
  <si>
    <t>This action’s aim is that there’s an in-field grass strip: on land at risk of soil erosion or surface runoff; with an intact grass sward throughout the year. The purpose of this is to: reduce the quantity of sediment, nutrients and pesticides transported through surface runoff water; improve water quality; provide habitats for wildlife; support an integrated pest management approach if located close to cropped areas. Farmscoper mitigation method ID: 13. Similar Sustainable Farming Incentive action(s):  WBD3.</t>
  </si>
  <si>
    <t>Establish new hedges</t>
  </si>
  <si>
    <t>This action’s aim is that there are established hedgerows with a range of different heights and widths. The purpose of this is to provide: habitat for wildlife; pollen, nectar and berries for mammals, birds and insects. Farmscoper mitigation method ID: 80. Similar Countryside Stewardship Higher Tier; Sustainable Farming Incentive action(s):  CHRW4; CHRW2; CHRW2.</t>
  </si>
  <si>
    <t>Establish riparian buffer strips</t>
  </si>
  <si>
    <t>This action’s aim is that there’s a grass buffer strip on land at risk of soil erosion or surface runoff, which: is alongside a watercourse or pond; has an intact sward throughout the year, without tracks, compacted areas or poaching. The purpose of this is to: protect watercourses; reduce the risk of potential pollutants, such as sediment, pesticides and nutrients, being transported to watercourses in surface water runoff; provide habitats for wildlife and form links to other habitats; support an integrated pest management approach if located close to cropped areas. Farmscoper mitigation method ID: 14. Similar Sustainable Farming Incentive action(s):  BFS1.</t>
  </si>
  <si>
    <t>Freshwaters; Semi-natural grassland; Woodland</t>
  </si>
  <si>
    <t>Establish tree shelter belts around livestock housing</t>
  </si>
  <si>
    <t>This action’s aim is that tree shelter belts are planted and maintained around livestock housing areas to provide natural windbreaks and environmental benefits. The purpose of this is to: reduce wind speed and exposure for livestock, improve animal welfare, capture and filter airborne dust and emissions, enhance biodiversity, and contribute to carbon sequestration through tree growth. Farmscoper mitigation method ID: 83.</t>
  </si>
  <si>
    <t>Farm track management</t>
  </si>
  <si>
    <t>This action’s aim is that farm tracks are maintained and managed to minimise soil erosion, runoff, and sediment transfer to watercourses, while ensuring safe and efficient access for vehicles and livestock. The purpose of this is to: reduce compaction and rutting, prevent water from concentrating and flowing along tracks, improve drainage, and protect surrounding soil and water quality. Farmscoper mitigation method ID: 79.</t>
  </si>
  <si>
    <t>Fence off rivers and streams from livestock</t>
  </si>
  <si>
    <t>This action’s aim is that livestock are excluded from direct access to rivers and streams by installing fencing along watercourses. The purpose of this is to: prevent bank erosion and poaching, reduce sediment and nutrient runoff into water, protect water quality, and create buffer zones that support biodiversity and improve habitat connectivity. Farmscoper mitigation method ID: 76.</t>
  </si>
  <si>
    <t>Locate out-wintered stock away from watercourses</t>
  </si>
  <si>
    <t>This action’s aim is that livestock kept outdoors over winter are located in fields or areas that are well away from rivers, streams, and other watercourses. The purpose of this is to: prevent poaching and soil erosion near banks, reduce sediment and nutrient runoff into water, protect water quality, and maintain healthier riparian habitats. Farmscoper mitigation method ID: 118.</t>
  </si>
  <si>
    <t>Manage over-winter tramlines</t>
  </si>
  <si>
    <t>This action’s aim is that tramlines left over winter are managed to reduce the risk of water runoff and soil erosion, for example by disrupting compacted tracks or creating breaks to slow water flow. The purpose of this is to: prevent flow pathways forming along tramlines, reduce soil loss and nutrient leaching, improve infiltration, and protect overall soil structure during wet winter months. Farmscoper mitigation method ID: 11.</t>
  </si>
  <si>
    <t>Move feeders at regular intervals</t>
  </si>
  <si>
    <t>This action’s aim is that livestock feeders placed in fields are moved regularly rather than left in one position for extended periods. The purpose of this is to: prevent excessive poaching and compaction around feeding areas, reduce nutrient and manure accumulation in one spot, protect soil structure, and maintain grass growth and field condition. Farmscoper mitigation method ID: 38.</t>
  </si>
  <si>
    <t>Reduce field stocking rates when soils are wet</t>
  </si>
  <si>
    <t>This action’s aim is that livestock numbers in fields are reduced during periods when soils are wet and vulnerable to damage. The purpose of this is to: minimise poaching and compaction, protect soil structure, reduce runoff and erosion risk, and maintain grass growth and long-term productivity. Farmscoper mitigation method ID: 37.</t>
  </si>
  <si>
    <t>Re-site gateways away from high-risk areas</t>
  </si>
  <si>
    <t>This action’s aim is that field gateways are relocated away from areas that pose a high risk of soil erosion, runoff, or watercourse contamination, such as slopes or near streams. The purpose of this is to: reduce soil compaction and poaching at vulnerable points, prevent sediment and nutrient transfer to water, improve field drainage, and protect overall soil and water quality. Farmscoper mitigation method ID: 78.</t>
  </si>
  <si>
    <t>Soil management</t>
  </si>
  <si>
    <t>Adopt reduced cultivation systems</t>
  </si>
  <si>
    <t>This action’s aim is that soil is prepared using reduced cultivation methods, minimising the intensity and depth of tillage compared to conventional systems. The purpose of this is to: maintain soil structure, reduce disturbance to soil biology, improve organic matter retention, and decrease the risk of soil erosion and compaction. Farmscoper mitigation method ID: 7.</t>
  </si>
  <si>
    <t>Assess soil, produce a soil management plan and test soil organic matter</t>
  </si>
  <si>
    <t>This action’s aim is that you: understand the condition of your soil; effectively plan how to increase the long-term health, productivity, and resilience of your soil. Similar Sustainable Farming Incentive action(s):  CSAM1.</t>
  </si>
  <si>
    <t>Cultivate compacted tillage soils</t>
  </si>
  <si>
    <t>This action’s aim is that areas of soil showing compaction from previous tillage are loosened through targeted cultivation to restore structure and porosity. The purpose of this is to: improve water infiltration and drainage, enhance root penetration for subsequent crops, reduce runoff and erosion risk, and support soil biology by creating a more aerated environment. Farmscoper mitigation method ID: 8.</t>
  </si>
  <si>
    <t>Cultivate land for crops in spring rather than autumn, retaining over-winter stubbles</t>
  </si>
  <si>
    <t>This action’s aim is that: a spring cereal crop is harvested as whole crop silage (grain and straw together); the stubble is left over the autumn and winter months. The purpose of this is to provide: late summer, autumn and winter foraging sites for declining and localised farmland birds, small mammals and pollinator species; overwinter habitat for insects and seed-eating farmland birds Farmscoper mitigation method ID: 6. Similar Sustainable Farming Incentive action(s):  AHW8.</t>
  </si>
  <si>
    <t>NbS (no NC)</t>
  </si>
  <si>
    <t>Early harvesting and establishment of crops in the autumn</t>
  </si>
  <si>
    <t xml:space="preserve">This action’s aim is that crops are harvested earlier and the next crop is established promptly in the autumn, ensuring that the soil is not left bare for extended periods. The purpose of this is to: maintain continuous soil cover, reduce the risk of soil erosion and nutrient loss, improve soil structure through root development, and support soil biology by minimising the fallow period between crops. Farmscoper mitigation method ID: 5. </t>
  </si>
  <si>
    <t>Establish cover crops in the autumn</t>
  </si>
  <si>
    <t>This action’s aim is that there’s a multi-species cover crop that’s: well-established over the winter months; present between harvesting a cash crop and establishing the next cash crop. The purpose of this is to: protect the soil surface; provide root growth that benefits soil structure; support soil biology and minimises nutrient leaching, soil erosion and runoff. Farmscoper mitigation method ID: 4. Similar Sustainable Farming Incentive action(s):  CSAM2.</t>
  </si>
  <si>
    <t>Herbal leys</t>
  </si>
  <si>
    <t>This action’s aim is that there’s an established herbal ley with: a mixture of grasses, legumes and herbs or wildflowers to provide varied root structures; areas of flowering plants from late spring and during summer months. The purpose of this is to: produce a high volume of forage with minimal use of inorganic fertiliser; improve resilience to drought; help improve and maintain the soil’s structure, carbon, biology and fertility. Similar Countryside Stewardship Higher Tier; Sustainable Farming Incentive action(s):  CGS4; CSAM3.</t>
  </si>
  <si>
    <t>Leave autumn seedbeds rough</t>
  </si>
  <si>
    <t>This action’s aim is that autumn seedbeds are left in a rough, cloddy condition rather than being finely worked, creating a surface that slows water movement and protects soil. The purpose of this is to: reduce the risk of soil erosion and runoff, improve water infiltration, help retain soil structure over winter, and minimise nutrient losses during wet periods. Farmscoper mitigation method ID: 10.</t>
  </si>
  <si>
    <t>Legumes on improved grassland</t>
  </si>
  <si>
    <t>This action’s aim is that there are legumes growing from spring until early autumn. The purpose of this is to: manage nutrient efficiency; protect the soil surface; provide root growth that maintains soil structure, supports soil biology, and reduces nutrient leaching, soil erosion and runoff; support an integrated pest management approach if located close to cropped areas. Similar Countryside Stewardship Higher Tier; Sustainable Farming Incentive action(s):  CGS25; CNUM2.</t>
  </si>
  <si>
    <t>Loosen compacted soil layers in grassland fields</t>
  </si>
  <si>
    <t>This action’s aim is that compacted layers within grassland soils are identified and loosened through targeted mechanical or biological methods to restore soil structure and function. The purpose of this is to: improve water infiltration and drainage, enhance root growth and nutrient uptake, reduce runoff and erosion risk, and support soil biology by creating a more aerated environment for organisms. Farmscoper mitigation method ID: 15.</t>
  </si>
  <si>
    <t>Multi-species spring-sown cover crop</t>
  </si>
  <si>
    <t>This action’s aim is that there’s a well-established spring-sown multi-species cover crop which is present either: between harvesting a cash crop, until the next cash crop is established; after a winter cover crop is destroyed or oversown, until the next cash crop is established. The purpose of this is to: protect the soil surface; provide root growth that benefits soil structure; support soil biology and minimise nutrient leaching, soil erosion and runoff; add organic matter. Similar Sustainable Farming Incentive action(s):  SOH2.</t>
  </si>
  <si>
    <t>Multi-species winter cover crop</t>
  </si>
  <si>
    <t>This action’s aim is that there’s a multi-species cover crop that’s: well-established over the winter months; present between harvesting a cash crop and establishing the next cash crop. The purpose of this is to: protect the soil surface; provide root growth that benefits soil structure; supports soil biology and minimises nutrient leaching, soil erosion and runoff. Similar Sustainable Farming Incentive action(s):  CSAM2.</t>
  </si>
  <si>
    <t>No-till farming</t>
  </si>
  <si>
    <t>This action’s aim is that no-tillage (‘no-till’) farming techniques are used, so soil disturbance is minimised. The purpose of this is to: improve soil health, fertility, structure, soil water storage and reduce soil runoff; help to keep organic matter and nutrients in the soil; provide benefits for carbon, water quality and biodiversity; help protect historic environment features. Similar Sustainable Farming Incentive action(s):  SOH1.</t>
  </si>
  <si>
    <t>Organic conversion – horticultural land</t>
  </si>
  <si>
    <t>This action’s aim is that horticultural land used to produce vegetables or salad crops is converted from conventional management to organic management. The purpose of this is to increase the overall area of land registered and managed as organic. Farmscoper mitigation method ID: OFC4. Similar Sustainable Farming Incentive action(s):  OFC4.</t>
  </si>
  <si>
    <t>Organic conversion – improved permanent grassland</t>
  </si>
  <si>
    <t>This action’s aim is that improved and semi-improved permanent grassland is converted from conventional management to organic management. The purpose of this is to increase the overall area of land registered and managed as organic. Farmscoper mitigation method ID: OFC1. Similar Sustainable Farming Incentive action(s):  OFC1.</t>
  </si>
  <si>
    <t>Organic conversion – rotational land</t>
  </si>
  <si>
    <t>This action’s aim is that land managed as part of a crop rotation is converted from conventional management to organic management. The purpose of this is to increase the overall area of land registered and managed as organic. Farmscoper mitigation method ID: OFC3. Similar Sustainable Farming Incentive action(s):  OFC3.</t>
  </si>
  <si>
    <t>Organic conversion – top fruit</t>
  </si>
  <si>
    <t>This action’s aim is that orchards which produce top fruit and permanent bush crops are converted from conventional management to organic management. The purpose of this is to increase the overall area of land registered and managed as organic. Farmscoper mitigation method ID: OFC5. Similar Sustainable Farming Incentive action(s):  OFC5.</t>
  </si>
  <si>
    <t>Organic conversion – unimproved permanent grassland</t>
  </si>
  <si>
    <t>This action’s aim is that unimproved permanent grassland is converted from conventional management to organic management. The purpose of this is to increase the overall area of land registered and managed as organic. Farmscoper mitigation method ID: OFC2. Similar Sustainable Farming Incentive action(s):  OFC2.</t>
  </si>
  <si>
    <t>Use correctly-inflated low ground pressure tyres on machinery</t>
  </si>
  <si>
    <t>This action’s aim is that machinery operating on fields is fitted with low ground pressure tyres and maintained at the correct inflation level to minimise soil compaction. The purpose of this is to: reduce damage to soil structure, improve water infiltration and root growth, lower the risk of runoff and erosion, and support long-term soil health and productivity. Farmscoper mitigation method ID: 117.</t>
  </si>
  <si>
    <t>Winter cover following maize crops</t>
  </si>
  <si>
    <t>This action’s aim is that there’s a cover crop on land, which: is not at risk of soil erosion or surface runoff; follows the early harvest of a maize crop; is well-established during the winter months. The purpose of this is to: reduce the risk of soil erosion and surface runoff; slow water runoff and allow soil to settle out, to reduce losses of sediment, nutrients and chemicals carried in the surface water; help take up nutrients and reduce nitrate leaching through the soil profile. Farmscoper mitigation method ID: CAB17; CAHL2. Similar Sustainable Farming Incentive action(s):  SOH4.</t>
  </si>
  <si>
    <t>Species reintroduction</t>
  </si>
  <si>
    <t>Beavers</t>
  </si>
  <si>
    <t>The re-introduction and management of the once native Eurasian beaver (Castor fiber) can be considered as a NbS due to the significant role beavers play in modifying their environment as ‘ecosystem engineers’. Note - this specifically applies to Great Britain as there is no evidence of past presence of beavers on the island of Ireland.</t>
  </si>
  <si>
    <t>In-channel; Adjacent to watercourse; Floodplain</t>
  </si>
  <si>
    <t xml:space="preserve">Heathland and shrub – Willow scrub, Wetland - Fens (upland and lowland), Wetland - Reedbeds, Woodland and forest - Lowland mixed deciduous woodland,  Woodland - Other woodland; broadleaved, Watercourse – Ditches, Watercourse - Priority Habitat, Watercourse - Other rivers and streams
</t>
  </si>
  <si>
    <t>Offline storage</t>
  </si>
  <si>
    <t>Offline storage next to watercourses</t>
  </si>
  <si>
    <t xml:space="preserve">Areas of the floodplain that have been adapted, with a containment, to divert water from the main river channel, temporarily store it, and then slowly release water back to a watercourse after flood levels have receded. </t>
  </si>
  <si>
    <t>Lakes - Ponds (non-priority habitat), Wetland - Reedbeds</t>
  </si>
  <si>
    <t>Offline storage adjacent to runoff pathways</t>
  </si>
  <si>
    <t>Areas that have been adapted to store water by diverting it from a runoff pathway, temporarily store it, and then slowly release water or allow it to infiltrate or evaporate after flood levels have receded. Likely consist of a pond or earth bund that has runoff diverted into it using either a low/extended earth bund (that could also be a banked hedge, a swale or cross drains or diverters to divert water from tracks).</t>
  </si>
  <si>
    <t>Floodplain reconnection</t>
  </si>
  <si>
    <t>Lower, remove or set back existing embankments</t>
  </si>
  <si>
    <t>Removing, setting back or lowering existing embankments to allow the physical transfer of water between a river and floodplain to restore or enhance the natural function of the floodplain to store water.</t>
  </si>
  <si>
    <t>Floodplain</t>
  </si>
  <si>
    <t>Grassland - Floodplain wetland mosaic and CFGM, Grassland - Lowland meadows, Grassland - Modified grassland, Wetland - Fens (upland and lowland), Wetland - Reedbeds</t>
  </si>
  <si>
    <t>Palaeochannel reconnection</t>
  </si>
  <si>
    <t>Reconnecting palaeochannels including cross-sectional diversity within the channel (through use of alternating berms or roughening the channel cross-section) to allow former river channels (in the floodplain) to become inundated in times of high flows/flood to restore or enhance the natural function of the floodplain to store water.</t>
  </si>
  <si>
    <t>In-channel</t>
  </si>
  <si>
    <t>Watercourse - Priority Habitat
Watercourse - Other rivers and streams</t>
  </si>
  <si>
    <t>In-channel features to push flow into floodplain</t>
  </si>
  <si>
    <t>In-channel structures constructed from timber, woody material or stone boulders designed to push water into the floodplain. May involve localised bed raising to create riffles.</t>
  </si>
  <si>
    <t>Floodplain wetland restoration</t>
  </si>
  <si>
    <t>Creating or restoring wetland areas within the floodplain to restore or enhance the natural function of the floodplain to store water.</t>
  </si>
  <si>
    <t>Grassland - Floodplain wetland mosaic and CFGM, Wetland - Fens (upland and lowland), Wetland - Reedbeds, Watercourse - Priority Habitat, Watercourse - Other rivers and streams</t>
  </si>
  <si>
    <t>Floodplain storage</t>
  </si>
  <si>
    <t>Leaky barriers</t>
  </si>
  <si>
    <t>Leaky barriers on watercourses</t>
  </si>
  <si>
    <t>A flow obstacle to slow down and store water in small streams and their immediate floodplain.</t>
  </si>
  <si>
    <t>Engineered logjams</t>
  </si>
  <si>
    <t>To mimic natural tree fall/logjams, engineered logjams can be placed in rivers and streams to support restoration and alter river flow.</t>
  </si>
  <si>
    <t>Leaky barriers on runoff pathways</t>
  </si>
  <si>
    <t>A barrier across surface water runoff pathways to slow down and store the surface water runoff feeding into watercourses from the surrounding landscape.</t>
  </si>
  <si>
    <t>River restoration</t>
  </si>
  <si>
    <t>Restore lateral river connectivity</t>
  </si>
  <si>
    <t>Remove physical modifications</t>
  </si>
  <si>
    <t>Remove constraining river modifications or structures e.g. embankments, walls, dredgings to allow floodplain inundation</t>
  </si>
  <si>
    <t>Raise water levels</t>
  </si>
  <si>
    <t>In-channel work to raise/restore bed and/or water levels, e.g. large wood, leaky barrier or boulder cascade, to allow floodplain inundation</t>
  </si>
  <si>
    <t>Floodplain diversity</t>
  </si>
  <si>
    <t>Re-wet the environment and recreate wetland features and to reconnect palaeochannels. Including floodplain lowering, Stage Zero, more natural hydrology, e.g. filling in ditches and removing field drains.</t>
  </si>
  <si>
    <t>Restore longitudinal connectivity</t>
  </si>
  <si>
    <t>Remove structures</t>
  </si>
  <si>
    <t>Complete removal of artificial barriers or impediments to the free movement of water, sediment, organic material and biota, and to increase habitat diversity e.g. complete removal of weirs, dams and culverts and associated bank infrastructure</t>
  </si>
  <si>
    <t>Modifying structures</t>
  </si>
  <si>
    <t>Modification of artificial barriers or impediments to the free movement of water, sediment, organic material and biota, and to increase habitat diversity e.g. partial removal of weirs, dams and culverts or rock ramp.</t>
  </si>
  <si>
    <t>Restore vertical connectivity</t>
  </si>
  <si>
    <t>Groundwater reconnection</t>
  </si>
  <si>
    <t>Restore in-river subsurface flow, habitat and processes. Remove impermeable bed (e.g. concrete), groundwater reconnection, reduce fine sediment clogging.</t>
  </si>
  <si>
    <t>14, 9</t>
  </si>
  <si>
    <t>Restoring the rivers original course</t>
  </si>
  <si>
    <t>Restore channel sinuosity</t>
  </si>
  <si>
    <t>Return the native sinuosity to straightened rivers by reconnecting existing palaeochannels and meanders, excavating a historic course, or designing a new course based on geomorphological principles - e.g. meandering or multi-thread channels</t>
  </si>
  <si>
    <t>Restore lateral channel movement</t>
  </si>
  <si>
    <t>Remove artificial bank protection</t>
  </si>
  <si>
    <t>Remove or modify bank protection to restore active sediment erosion supply, transport and deposition</t>
  </si>
  <si>
    <t>Making space for the river</t>
  </si>
  <si>
    <t>Allows for lateral movement and evolution of the channel for natural sediment erosion supply, transport and deposition. Can include a wide buffer (erodible corridor), management agreements to limit unnecessary bank protection works.</t>
  </si>
  <si>
    <t>Adjacent to watercourse; Floodplain</t>
  </si>
  <si>
    <t>Restore riparian corridor</t>
  </si>
  <si>
    <t>Riparian diversity</t>
  </si>
  <si>
    <t>Establish a wide riparian corridor to reduced land management pressure, improve water quality, capture fine sediment and pollutants, provide shade, provide habitat, or help stabilise channels. E.g. planting trees, excluding livestock to for natural vegetation growth, sensitive vegetation management, and the retention of large wood that falls into channels</t>
  </si>
  <si>
    <t>Restore in-channel morphology</t>
  </si>
  <si>
    <t xml:space="preserve">Channel diversity </t>
  </si>
  <si>
    <t>Action undertaken within channel that is designed to drive the natural regeneration of channel bed and bank features and create diverse, complex aquatic habitats</t>
  </si>
  <si>
    <t>Sensitive channel management</t>
  </si>
  <si>
    <t>Alter or cease intensive channel management that disrupts the natural movement of sediment and formation of features. Includes sediment and vegetation management activities, including dredging and gravel extraction</t>
  </si>
  <si>
    <t>Restore natural sediment regime</t>
  </si>
  <si>
    <t>Source control measures (sediment)</t>
  </si>
  <si>
    <t>Reduce fine and/or coarse sediment pressures. Links to landscape scale NFM - e.g. grip blocking, soil management, grazing densities, hillslope erosion (fine sediment), slope stabilisation and tree planting (coarse sediment).</t>
  </si>
  <si>
    <t>14, 9, 1</t>
  </si>
  <si>
    <t>In-channel measures</t>
  </si>
  <si>
    <t>Reduce the localised impacts of excessive sediment delivery and deposition, e.g. flush fine sediment through the system, reduce the need for gravel dredging, and encourage sediment deposition and vegetation colonisation</t>
  </si>
  <si>
    <t>Restore natural flow regime</t>
  </si>
  <si>
    <t>Source control measures (flow)</t>
  </si>
  <si>
    <t>Action undertaken on land in upper catchments, hillslopes and floodplains to increase water infiltration and storage in soils and in the landscape (ponds, woodland, etc) and to reduce peak flows in channels. Closely linked to NFM benefits to slow the flow of water reaching the river network, including woodland creation, land management activity, and land use change.</t>
  </si>
  <si>
    <t>Coastal NbS</t>
  </si>
  <si>
    <t>Saltmarsh and mudflat management and restoration</t>
  </si>
  <si>
    <t>Realigning defences</t>
  </si>
  <si>
    <t>The re-introduction of tidal waters onto former intertidal areas lost due to historical land claim, e.g. managed realignment, no active intervention/unplanned breaches, regulated tidal exchange, tidal flood storage. Also new areas of land to enable rollback in response to sea level rise.</t>
  </si>
  <si>
    <t>Coast</t>
  </si>
  <si>
    <t>Coastal margins</t>
  </si>
  <si>
    <t>Coastal saltmarsh - Saltmarshes and saline reedbeds
Intertidal sediment - Littoral mud</t>
  </si>
  <si>
    <t>3, 16</t>
  </si>
  <si>
    <t>Sediment trapping</t>
  </si>
  <si>
    <t>Sediment trapping approaches along coastlines utilise structures and natural features to manage sediment movement and accumulation. These methods aim to reduce erosion, maintain coastal morphology and protect infrastructure by influencing how sediment is transported and deposited. In the context of saltmarsh areas, this can include the use of polders, coir rolls and brushwood mattresses.</t>
  </si>
  <si>
    <t>Beneficial use of dredged sediments</t>
  </si>
  <si>
    <t>Inter-tidal recharge of habitats using dredged material, rather than it being disposed at sea or in landfill.</t>
  </si>
  <si>
    <t>Sand dune management and restoration</t>
  </si>
  <si>
    <t>Vegetation management</t>
  </si>
  <si>
    <t>Includes planting native species such as marram grass, removal of invasive non-native species, turf and tree/scrub removal. Aim is to stabilise dunes, to reactivate dune dynamics and to create bare sand.</t>
  </si>
  <si>
    <t>Sparsely vegetated land - Coastal sand dunes</t>
  </si>
  <si>
    <t>Sand trapping</t>
  </si>
  <si>
    <t>Sand trapping approaches along coastlines utilising natural features to manage sediment movement and accumulation, e.g. fences, brushwood etc.</t>
  </si>
  <si>
    <t>Coastal lagoon management and restoration</t>
  </si>
  <si>
    <t>Brackish wetland restoration</t>
  </si>
  <si>
    <t>Creation and restoration of brackish wet features at the land-sea interface e.g. saline lagoons, dune slacks.</t>
  </si>
  <si>
    <t>Coastal lagoons - Coastal lagoons</t>
  </si>
  <si>
    <t>Native oyster or other bivalve bed and reef restoration (temperate habitats)</t>
  </si>
  <si>
    <t>Restoring or creating available suitable substrate to support native bivalve populations. May involve seeding using native species to support recruitment.</t>
  </si>
  <si>
    <t>Intertidal sediment - Artificial littoral biogenic reefs</t>
  </si>
  <si>
    <t>6, 9 16</t>
  </si>
  <si>
    <t xml:space="preserve">Submerged aquatic vegetation (SAV) and kelp </t>
  </si>
  <si>
    <t>Seagrass restoration</t>
  </si>
  <si>
    <t>Seagrass is found in intertidal zones in shallow coastal areas. The most recognised species in the UK are common eelgrass (Zostera marina) and dwarf eelgrass (Zostera nolteii). Seagrass restoration can be achieved through a variety of methods e.g., transplantation, habitat enhancement, habitat protection/restoration, etc.</t>
  </si>
  <si>
    <t>Marine environment</t>
  </si>
  <si>
    <t>Intertidal sediment - Littoral seagrass</t>
  </si>
  <si>
    <t>9, 16</t>
  </si>
  <si>
    <t>Kelp forest restoration</t>
  </si>
  <si>
    <t>Kelp grows on rocky substrates and artificial hard structures in varying depths in excess of 40m. Kelp can absorb wave energy and induce drag, slowing water currents and providing shoreline protection. Kelp forest restoration can be achieved through a variety of methods e.g., transplantation, substrate enhancement, habitat support, herbivore management, habitat protection (pressure removal) etc.</t>
  </si>
  <si>
    <t>Eco-engineering</t>
  </si>
  <si>
    <t>This could include the use of texturised surfaces, such as blocks or tiles to increase surface roughness, use of porous materials or macro-habitat features that are favourable to colonisation, or the creation of protrusions and depressions. Other techniques include engineered water retention structures and swim through habitats which provide protection from wave exposure, predation and grazing, and desiccation stress - which is relevant against future climate change - whilst allowing passage for mobile species.</t>
  </si>
  <si>
    <t>12, 18, 19</t>
  </si>
  <si>
    <t>Regenerative marine practices</t>
  </si>
  <si>
    <t>Aquaculture production</t>
  </si>
  <si>
    <t>Aquaculture is the practice of breeding, raising, and harvesting aquatic organisms such as fish, shellfish, and aquatic plants in controlled environments. Does not include commercial fisheries. Focusses on native species recovery.</t>
  </si>
  <si>
    <t>No take zones</t>
  </si>
  <si>
    <t>No take zones are areas that are deliberately left undisturbed where harvesting, grazing, fishing are not permitted (pressure removal). Focusses on native species recovery.</t>
  </si>
  <si>
    <t>Sources of information within the NbS Categorisation</t>
  </si>
  <si>
    <t>The table below contains links to the sources of information used to populate the NbS Categorisation.</t>
  </si>
  <si>
    <t>ID</t>
  </si>
  <si>
    <t>Title</t>
  </si>
  <si>
    <t>Link</t>
  </si>
  <si>
    <t>Date accessed</t>
  </si>
  <si>
    <t>The Natural Flood Management Manual (C802)</t>
  </si>
  <si>
    <t>https://www.ciria.org/ItemDetail?iProductCode=C802F&amp;Category=FREEPUBS&amp;WebsiteKey=3f18c87a-d62b-4eca-8ef4-9b09309c1c91</t>
  </si>
  <si>
    <t>The SuDS Manual (C753)</t>
  </si>
  <si>
    <t>https://www.ciria.org/ItemDetail?iProductCode=C753F&amp;Category=FREEPUBS&amp;WebsiteKey=3f18c87a-d62b-4eca-8ef4-9b09309c1c91</t>
  </si>
  <si>
    <t>Working with Natural Processes - Evidence Directory (2021)</t>
  </si>
  <si>
    <t>https://assets.publishing.service.gov.uk/media/6036c5468fa8f5480a5386e9/Working_with_natural_processes_evidence_directory.pdf</t>
  </si>
  <si>
    <t>WWT Wetlands for Water Quality - A routemap</t>
  </si>
  <si>
    <t>https://www.wwt.org.uk/uploads/documents/2023-07-31/wwt-water-quality-route-map.pdf</t>
  </si>
  <si>
    <t>An Inventory of Mitigation Methods and Guide to their Effects on Diffuse Water Pollution, Greenhouse Gas Emissions and Ammonia Emissions from Agriculture (Farmscoper methods)</t>
  </si>
  <si>
    <t>https://repository.rothamsted.ac.uk/download/942687eab7ec4b83751c7e241d62f0fa8472d72adcd25a149bb891b7c30d55d0/1595300/MitigationMethods-UserGuideDecember2011FINAL.pdf</t>
  </si>
  <si>
    <t>Coastal Nature-Based Solutions: A Quick Scoping Review - FD2738</t>
  </si>
  <si>
    <t>https://www.gov.uk/flood-and-coastal-erosion-risk-management-research-reports/coastal-nature-based-solutions-a-quick-scoping-review</t>
  </si>
  <si>
    <t>SuDS components - Susdrain</t>
  </si>
  <si>
    <t>https://www.susdrain.org/delivering-suds/using-suds/suds-components/suds-components.html</t>
  </si>
  <si>
    <t>ENCA Services Databook 3.1 (updated May 2024)</t>
  </si>
  <si>
    <t>https://view.officeapps.live.com/op/view.aspx?src=https%3A%2F%2Fs3.eu-west-1.amazonaws.com%2Fdata.defra.gov.uk%2FENCA%2FENCA_May%2B2024_Services_Databook_3.1%2BFinal.xlsm&amp;wdOrigin=BROWSELINK</t>
  </si>
  <si>
    <t>Working with Natural Processes (2025)</t>
  </si>
  <si>
    <t>https://www.gov.uk/flood-and-coastal-erosion-risk-management-research-reports/working-with-natural-processes-to-reduce-flood-risk-2024#contents</t>
  </si>
  <si>
    <t>Multiple benefits of nature-based solutions - evidence and matrices</t>
  </si>
  <si>
    <t>https://www.gov.uk/government/publications/multiple-benefits-of-nature-based-solutions-an-evidence-synthesis</t>
  </si>
  <si>
    <t>Developing the Farmscoper Decision support tool - SCF0104</t>
  </si>
  <si>
    <t>https://randd.defra.gov.uk/ProjectDetails?ProjectId=18702</t>
  </si>
  <si>
    <t>Nature-based solutions for coastal management</t>
  </si>
  <si>
    <t>https://naturalresources.wales/flooding/managing-flood-risk/nature-based-solutions-for-coastal-management/?lang=en</t>
  </si>
  <si>
    <t>Nat4Wat - using nature for water treatment, storage and reuse</t>
  </si>
  <si>
    <t>https://nat4wat.icradev.cat/home</t>
  </si>
  <si>
    <t>River Restoration Centre (RRC) Manual of River Restoration Techniques</t>
  </si>
  <si>
    <t>https://www.therrc.co.uk/manual-river-restoration-techniques</t>
  </si>
  <si>
    <t>SuDS asset register and mapping</t>
  </si>
  <si>
    <t>https://www.water.org.uk/sites/default/files/wp/2019/02/SuDS-asset-register-and-mapping.pdf</t>
  </si>
  <si>
    <t>ReMeMaRe restoration handbooks (2025)</t>
  </si>
  <si>
    <t>https://ecsa.international/rememare/tools-and-guidance</t>
  </si>
  <si>
    <t>Sand dune managers handbook (2024)</t>
  </si>
  <si>
    <t>https://dynamicdunescapes.co.uk/wp-content/uploads/2024/09/Sand-Dunes-Managers-Handbook_WEB.pdf</t>
  </si>
  <si>
    <t>Estuary Edges</t>
  </si>
  <si>
    <t>https://www.estuaryedges.co.uk</t>
  </si>
  <si>
    <t>CIRIA Greening coastal infrastructure through eco-engineering (C820).</t>
  </si>
  <si>
    <t>https://www.ciria.org/CIRIA/CIRIA/Item_Detail.aspx?iProductCode=C820&amp;Category=BOOK</t>
  </si>
  <si>
    <t>Integrated Constructed Wetlands - Guidance Document for Farmyard Soiled Water and Domestic Wastewater Applications</t>
  </si>
  <si>
    <t>https://assets.gov.ie/static/documents/integrated-constructed-wetlands-guidance-document-for-farmyard-soiled-water-and-domest.pdf</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37">
    <font>
      <sz val="11"/>
      <color theme="1"/>
      <name val="Arial"/>
      <family val="2"/>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u/>
      <sz val="11"/>
      <color theme="10"/>
      <name val="Arial"/>
      <family val="2"/>
    </font>
    <font>
      <b/>
      <sz val="18"/>
      <color theme="1"/>
      <name val="Arial"/>
      <family val="2"/>
    </font>
    <font>
      <sz val="8"/>
      <name val="Arial"/>
      <family val="2"/>
    </font>
    <font>
      <b/>
      <sz val="12"/>
      <color theme="1"/>
      <name val="Arial"/>
      <family val="2"/>
    </font>
    <font>
      <b/>
      <sz val="12"/>
      <name val="Arial"/>
      <family val="2"/>
    </font>
    <font>
      <b/>
      <sz val="12"/>
      <color theme="0"/>
      <name val="Arial"/>
      <family val="2"/>
    </font>
    <font>
      <b/>
      <u/>
      <sz val="12"/>
      <color theme="1"/>
      <name val="Arial"/>
      <family val="2"/>
    </font>
    <font>
      <sz val="12"/>
      <color theme="1"/>
      <name val="Arial"/>
      <family val="2"/>
    </font>
    <font>
      <sz val="12"/>
      <color rgb="FF000000"/>
      <name val="Arial"/>
      <family val="2"/>
    </font>
    <font>
      <sz val="12"/>
      <name val="Arial"/>
      <family val="2"/>
    </font>
    <font>
      <b/>
      <sz val="12"/>
      <color theme="2"/>
      <name val="Arial"/>
      <family val="2"/>
    </font>
    <font>
      <i/>
      <sz val="12"/>
      <color theme="1"/>
      <name val="Arial"/>
      <family val="2"/>
    </font>
    <font>
      <sz val="12"/>
      <color theme="1" tint="0.249977111117893"/>
      <name val="Arial"/>
      <family val="2"/>
    </font>
    <font>
      <sz val="12"/>
      <color theme="1" tint="0.499984740745262"/>
      <name val="Arial"/>
      <family val="2"/>
    </font>
    <font>
      <u/>
      <sz val="12"/>
      <color rgb="FF000000"/>
      <name val="Arial"/>
      <family val="2"/>
    </font>
    <font>
      <sz val="12"/>
      <color theme="0"/>
      <name val="Arial"/>
      <family val="2"/>
    </font>
    <font>
      <sz val="12"/>
      <color theme="1" tint="0.34998626667073579"/>
      <name val="Arial"/>
      <family val="2"/>
    </font>
    <font>
      <u/>
      <sz val="12"/>
      <color theme="10"/>
      <name val="Arial"/>
      <family val="2"/>
    </font>
    <font>
      <sz val="12"/>
      <color rgb="FFC00000"/>
      <name val="Arial"/>
      <family val="2"/>
    </font>
    <font>
      <sz val="12"/>
      <color theme="1"/>
      <name val="Segoe UI"/>
      <family val="2"/>
    </font>
    <font>
      <sz val="30"/>
      <color rgb="FF008631"/>
      <name val="Arial"/>
      <family val="2"/>
    </font>
    <font>
      <sz val="22"/>
      <color rgb="FF008631"/>
      <name val="Arial"/>
      <family val="2"/>
    </font>
    <font>
      <sz val="18"/>
      <color rgb="FF008631"/>
      <name val="Arial"/>
      <family val="2"/>
    </font>
    <font>
      <u/>
      <sz val="12"/>
      <color rgb="FF00B0F0"/>
      <name val="Arial"/>
      <family val="2"/>
    </font>
    <font>
      <i/>
      <sz val="12"/>
      <color rgb="FF000000"/>
      <name val="Arial"/>
      <family val="2"/>
    </font>
    <font>
      <sz val="11"/>
      <color theme="1"/>
      <name val="Arial"/>
      <family val="2"/>
    </font>
    <font>
      <sz val="12"/>
      <color rgb="FF000000"/>
      <name val="Arial"/>
    </font>
    <font>
      <b/>
      <sz val="12"/>
      <color rgb="FF000000"/>
      <name val="Arial"/>
    </font>
    <font>
      <u/>
      <sz val="11"/>
      <color rgb="FF00B0F0"/>
      <name val="Arial"/>
      <family val="2"/>
    </font>
  </fonts>
  <fills count="31">
    <fill>
      <patternFill patternType="none"/>
    </fill>
    <fill>
      <patternFill patternType="gray125"/>
    </fill>
    <fill>
      <patternFill patternType="solid">
        <fgColor theme="0"/>
        <bgColor indexed="64"/>
      </patternFill>
    </fill>
    <fill>
      <patternFill patternType="solid">
        <fgColor theme="9" tint="0.79998168889431442"/>
        <bgColor indexed="64"/>
      </patternFill>
    </fill>
    <fill>
      <patternFill patternType="solid">
        <fgColor theme="9" tint="0.39997558519241921"/>
        <bgColor indexed="64"/>
      </patternFill>
    </fill>
    <fill>
      <patternFill patternType="solid">
        <fgColor theme="7" tint="0.79998168889431442"/>
        <bgColor indexed="64"/>
      </patternFill>
    </fill>
    <fill>
      <patternFill patternType="solid">
        <fgColor theme="7" tint="0.59999389629810485"/>
        <bgColor indexed="64"/>
      </patternFill>
    </fill>
    <fill>
      <patternFill patternType="solid">
        <fgColor theme="7" tint="0.39997558519241921"/>
        <bgColor indexed="64"/>
      </patternFill>
    </fill>
    <fill>
      <patternFill patternType="solid">
        <fgColor theme="7"/>
        <bgColor indexed="64"/>
      </patternFill>
    </fill>
    <fill>
      <patternFill patternType="solid">
        <fgColor theme="7" tint="-0.249977111117893"/>
        <bgColor indexed="64"/>
      </patternFill>
    </fill>
    <fill>
      <patternFill patternType="solid">
        <fgColor theme="9"/>
        <bgColor indexed="64"/>
      </patternFill>
    </fill>
    <fill>
      <patternFill patternType="solid">
        <fgColor theme="9" tint="0.59999389629810485"/>
        <bgColor indexed="64"/>
      </patternFill>
    </fill>
    <fill>
      <patternFill patternType="solid">
        <fgColor theme="9" tint="-0.249977111117893"/>
        <bgColor indexed="64"/>
      </patternFill>
    </fill>
    <fill>
      <patternFill patternType="solid">
        <fgColor theme="8"/>
        <bgColor indexed="64"/>
      </patternFill>
    </fill>
    <fill>
      <patternFill patternType="solid">
        <fgColor theme="8" tint="0.79998168889431442"/>
        <bgColor indexed="64"/>
      </patternFill>
    </fill>
    <fill>
      <patternFill patternType="solid">
        <fgColor theme="8" tint="0.39997558519241921"/>
        <bgColor indexed="64"/>
      </patternFill>
    </fill>
    <fill>
      <patternFill patternType="solid">
        <fgColor theme="6"/>
        <bgColor indexed="64"/>
      </patternFill>
    </fill>
    <fill>
      <patternFill patternType="solid">
        <fgColor theme="6" tint="0.79998168889431442"/>
        <bgColor indexed="64"/>
      </patternFill>
    </fill>
    <fill>
      <patternFill patternType="solid">
        <fgColor theme="6" tint="0.59999389629810485"/>
        <bgColor indexed="64"/>
      </patternFill>
    </fill>
    <fill>
      <patternFill patternType="solid">
        <fgColor theme="6" tint="0.39997558519241921"/>
        <bgColor indexed="64"/>
      </patternFill>
    </fill>
    <fill>
      <patternFill patternType="solid">
        <fgColor theme="6" tint="-0.249977111117893"/>
        <bgColor indexed="64"/>
      </patternFill>
    </fill>
    <fill>
      <patternFill patternType="solid">
        <fgColor theme="5"/>
        <bgColor indexed="64"/>
      </patternFill>
    </fill>
    <fill>
      <patternFill patternType="solid">
        <fgColor theme="5" tint="0.79998168889431442"/>
        <bgColor indexed="64"/>
      </patternFill>
    </fill>
    <fill>
      <patternFill patternType="solid">
        <fgColor rgb="FF92D050"/>
        <bgColor indexed="64"/>
      </patternFill>
    </fill>
    <fill>
      <patternFill patternType="solid">
        <fgColor rgb="FF0070C0"/>
        <bgColor indexed="64"/>
      </patternFill>
    </fill>
    <fill>
      <patternFill patternType="solid">
        <fgColor rgb="FF00B050"/>
        <bgColor indexed="64"/>
      </patternFill>
    </fill>
    <fill>
      <patternFill patternType="solid">
        <fgColor theme="8" tint="0.39976195562608724"/>
        <bgColor indexed="64"/>
      </patternFill>
    </fill>
    <fill>
      <patternFill patternType="solid">
        <fgColor theme="0" tint="-4.9989318521683403E-2"/>
        <bgColor indexed="64"/>
      </patternFill>
    </fill>
    <fill>
      <patternFill patternType="solid">
        <fgColor theme="7" tint="-0.499984740745262"/>
        <bgColor indexed="64"/>
      </patternFill>
    </fill>
    <fill>
      <patternFill patternType="solid">
        <fgColor theme="4" tint="0.79998168889431442"/>
        <bgColor indexed="64"/>
      </patternFill>
    </fill>
    <fill>
      <patternFill patternType="solid">
        <fgColor theme="2" tint="-0.14999847407452621"/>
        <bgColor indexed="64"/>
      </patternFill>
    </fill>
  </fills>
  <borders count="28">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rgb="FF000000"/>
      </left>
      <right style="thin">
        <color rgb="FF000000"/>
      </right>
      <top style="thin">
        <color rgb="FF000000"/>
      </top>
      <bottom style="thin">
        <color rgb="FF000000"/>
      </bottom>
      <diagonal/>
    </border>
    <border>
      <left style="thin">
        <color rgb="FF000000"/>
      </left>
      <right style="thin">
        <color rgb="FF000000"/>
      </right>
      <top style="thin">
        <color rgb="FF000000"/>
      </top>
      <bottom/>
      <diagonal/>
    </border>
    <border>
      <left style="thin">
        <color rgb="FF000000"/>
      </left>
      <right style="thin">
        <color rgb="FF000000"/>
      </right>
      <top/>
      <bottom style="thin">
        <color rgb="FF000000"/>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thin">
        <color rgb="FF000000"/>
      </left>
      <right/>
      <top style="thin">
        <color rgb="FF000000"/>
      </top>
      <bottom style="thin">
        <color rgb="FF000000"/>
      </bottom>
      <diagonal/>
    </border>
    <border>
      <left style="thin">
        <color indexed="64"/>
      </left>
      <right style="thin">
        <color indexed="64"/>
      </right>
      <top/>
      <bottom style="thin">
        <color indexed="64"/>
      </bottom>
      <diagonal/>
    </border>
    <border>
      <left style="thin">
        <color indexed="64"/>
      </left>
      <right/>
      <top style="thin">
        <color indexed="64"/>
      </top>
      <bottom/>
      <diagonal/>
    </border>
    <border>
      <left/>
      <right style="thin">
        <color indexed="64"/>
      </right>
      <top style="thin">
        <color indexed="64"/>
      </top>
      <bottom/>
      <diagonal/>
    </border>
    <border>
      <left/>
      <right style="thin">
        <color rgb="FF000000"/>
      </right>
      <top style="thin">
        <color rgb="FF000000"/>
      </top>
      <bottom style="thin">
        <color rgb="FF000000"/>
      </bottom>
      <diagonal/>
    </border>
    <border>
      <left/>
      <right/>
      <top style="thin">
        <color rgb="FF000000"/>
      </top>
      <bottom style="thin">
        <color rgb="FF000000"/>
      </bottom>
      <diagonal/>
    </border>
    <border>
      <left style="medium">
        <color indexed="64"/>
      </left>
      <right/>
      <top style="medium">
        <color indexed="64"/>
      </top>
      <bottom style="medium">
        <color indexed="64"/>
      </bottom>
      <diagonal/>
    </border>
    <border>
      <left/>
      <right style="medium">
        <color indexed="64"/>
      </right>
      <top style="medium">
        <color indexed="64"/>
      </top>
      <bottom style="medium">
        <color indexed="64"/>
      </bottom>
      <diagonal/>
    </border>
    <border>
      <left style="thin">
        <color indexed="64"/>
      </left>
      <right/>
      <top/>
      <bottom style="thin">
        <color indexed="64"/>
      </bottom>
      <diagonal/>
    </border>
    <border>
      <left/>
      <right/>
      <top style="thin">
        <color indexed="64"/>
      </top>
      <bottom/>
      <diagonal/>
    </border>
    <border>
      <left/>
      <right style="thin">
        <color indexed="64"/>
      </right>
      <top/>
      <bottom style="thin">
        <color indexed="64"/>
      </bottom>
      <diagonal/>
    </border>
    <border>
      <left/>
      <right/>
      <top/>
      <bottom style="thin">
        <color indexed="64"/>
      </bottom>
      <diagonal/>
    </border>
    <border>
      <left/>
      <right/>
      <top style="medium">
        <color indexed="64"/>
      </top>
      <bottom style="medium">
        <color indexed="64"/>
      </bottom>
      <diagonal/>
    </border>
    <border>
      <left style="medium">
        <color indexed="64"/>
      </left>
      <right/>
      <top style="thin">
        <color indexed="64"/>
      </top>
      <bottom style="medium">
        <color indexed="64"/>
      </bottom>
      <diagonal/>
    </border>
    <border>
      <left/>
      <right/>
      <top style="thin">
        <color indexed="64"/>
      </top>
      <bottom style="medium">
        <color indexed="64"/>
      </bottom>
      <diagonal/>
    </border>
    <border>
      <left/>
      <right style="medium">
        <color indexed="64"/>
      </right>
      <top style="thin">
        <color indexed="64"/>
      </top>
      <bottom style="medium">
        <color indexed="64"/>
      </bottom>
      <diagonal/>
    </border>
  </borders>
  <cellStyleXfs count="10">
    <xf numFmtId="0" fontId="0" fillId="0" borderId="0"/>
    <xf numFmtId="0" fontId="1" fillId="0" borderId="0"/>
    <xf numFmtId="0" fontId="2" fillId="0" borderId="0"/>
    <xf numFmtId="0" fontId="6" fillId="0" borderId="0" applyNumberFormat="0" applyFill="0" applyBorder="0" applyAlignment="0" applyProtection="0"/>
    <xf numFmtId="0" fontId="3" fillId="0" borderId="1" applyNumberFormat="0" applyFill="0" applyAlignment="0" applyProtection="0"/>
    <xf numFmtId="0" fontId="4" fillId="0" borderId="2" applyNumberFormat="0" applyFill="0" applyAlignment="0" applyProtection="0"/>
    <xf numFmtId="0" fontId="5" fillId="0" borderId="3" applyNumberFormat="0" applyFill="0" applyAlignment="0" applyProtection="0"/>
    <xf numFmtId="0" fontId="5" fillId="0" borderId="0" applyNumberFormat="0" applyFill="0" applyBorder="0" applyAlignment="0" applyProtection="0"/>
    <xf numFmtId="0" fontId="7" fillId="0" borderId="4" applyNumberFormat="0" applyFill="0" applyAlignment="0" applyProtection="0"/>
    <xf numFmtId="0" fontId="8" fillId="0" borderId="0" applyNumberFormat="0" applyFill="0" applyBorder="0" applyAlignment="0" applyProtection="0"/>
  </cellStyleXfs>
  <cellXfs count="223">
    <xf numFmtId="0" fontId="0" fillId="0" borderId="0" xfId="0"/>
    <xf numFmtId="0" fontId="11" fillId="0" borderId="0" xfId="0" applyFont="1" applyAlignment="1">
      <alignment horizontal="center" vertical="center"/>
    </xf>
    <xf numFmtId="0" fontId="11" fillId="2" borderId="0" xfId="0" applyFont="1" applyFill="1" applyAlignment="1">
      <alignment horizontal="center" vertical="center"/>
    </xf>
    <xf numFmtId="0" fontId="11" fillId="4" borderId="5" xfId="0" applyFont="1" applyFill="1" applyBorder="1" applyAlignment="1">
      <alignment horizontal="center" vertical="center" wrapText="1"/>
    </xf>
    <xf numFmtId="0" fontId="13" fillId="2" borderId="0" xfId="0" applyFont="1" applyFill="1" applyAlignment="1">
      <alignment horizontal="center" vertical="center"/>
    </xf>
    <xf numFmtId="0" fontId="15" fillId="2" borderId="5" xfId="0" applyFont="1" applyFill="1" applyBorder="1" applyAlignment="1">
      <alignment horizontal="left" vertical="top" wrapText="1"/>
    </xf>
    <xf numFmtId="0" fontId="15" fillId="2" borderId="0" xfId="0" applyFont="1" applyFill="1"/>
    <xf numFmtId="0" fontId="15" fillId="2" borderId="9" xfId="0" applyFont="1" applyFill="1" applyBorder="1" applyAlignment="1">
      <alignment horizontal="left" vertical="top" wrapText="1"/>
    </xf>
    <xf numFmtId="0" fontId="15" fillId="2" borderId="0" xfId="0" applyFont="1" applyFill="1" applyAlignment="1">
      <alignment horizontal="left" vertical="center" wrapText="1"/>
    </xf>
    <xf numFmtId="0" fontId="15" fillId="2" borderId="0" xfId="0" applyFont="1" applyFill="1" applyAlignment="1">
      <alignment horizontal="center"/>
    </xf>
    <xf numFmtId="0" fontId="15" fillId="2" borderId="0" xfId="0" applyFont="1" applyFill="1" applyAlignment="1">
      <alignment horizontal="left" vertical="center"/>
    </xf>
    <xf numFmtId="15" fontId="15" fillId="2" borderId="5" xfId="0" applyNumberFormat="1" applyFont="1" applyFill="1" applyBorder="1" applyAlignment="1">
      <alignment horizontal="left" vertical="center"/>
    </xf>
    <xf numFmtId="0" fontId="15" fillId="2" borderId="5" xfId="0" applyFont="1" applyFill="1" applyBorder="1" applyAlignment="1">
      <alignment horizontal="left" vertical="center" wrapText="1"/>
    </xf>
    <xf numFmtId="0" fontId="11" fillId="5" borderId="8" xfId="0" applyFont="1" applyFill="1" applyBorder="1" applyAlignment="1">
      <alignment horizontal="left" vertical="center"/>
    </xf>
    <xf numFmtId="0" fontId="11" fillId="2" borderId="19" xfId="0" applyFont="1" applyFill="1" applyBorder="1"/>
    <xf numFmtId="0" fontId="15" fillId="2" borderId="0" xfId="0" applyFont="1" applyFill="1" applyAlignment="1">
      <alignment vertical="top"/>
    </xf>
    <xf numFmtId="0" fontId="15" fillId="2" borderId="0" xfId="0" applyFont="1" applyFill="1" applyAlignment="1">
      <alignment horizontal="center" vertical="top"/>
    </xf>
    <xf numFmtId="0" fontId="17" fillId="2" borderId="0" xfId="0" applyFont="1" applyFill="1" applyAlignment="1">
      <alignment vertical="center" wrapText="1"/>
    </xf>
    <xf numFmtId="0" fontId="15" fillId="0" borderId="0" xfId="0" applyFont="1"/>
    <xf numFmtId="0" fontId="15" fillId="2" borderId="0" xfId="0" applyFont="1" applyFill="1" applyAlignment="1">
      <alignment horizontal="center" vertical="center"/>
    </xf>
    <xf numFmtId="0" fontId="15" fillId="2" borderId="0" xfId="0" applyFont="1" applyFill="1" applyAlignment="1">
      <alignment vertical="center" wrapText="1"/>
    </xf>
    <xf numFmtId="0" fontId="18" fillId="21" borderId="5" xfId="0" applyFont="1" applyFill="1" applyBorder="1" applyAlignment="1">
      <alignment horizontal="center" vertical="center" wrapText="1"/>
    </xf>
    <xf numFmtId="0" fontId="15" fillId="22" borderId="5" xfId="0" applyFont="1" applyFill="1" applyBorder="1" applyAlignment="1">
      <alignment horizontal="center" vertical="center" wrapText="1"/>
    </xf>
    <xf numFmtId="0" fontId="15" fillId="22" borderId="5" xfId="0" applyFont="1" applyFill="1" applyBorder="1" applyAlignment="1">
      <alignment horizontal="left" vertical="center" wrapText="1"/>
    </xf>
    <xf numFmtId="0" fontId="15" fillId="22" borderId="6" xfId="0" applyFont="1" applyFill="1" applyBorder="1" applyAlignment="1">
      <alignment horizontal="center" vertical="center" wrapText="1"/>
    </xf>
    <xf numFmtId="0" fontId="15" fillId="4" borderId="5" xfId="0" applyFont="1" applyFill="1" applyBorder="1" applyAlignment="1">
      <alignment horizontal="center" vertical="center" wrapText="1"/>
    </xf>
    <xf numFmtId="0" fontId="18" fillId="21" borderId="6" xfId="0" applyFont="1" applyFill="1" applyBorder="1" applyAlignment="1">
      <alignment horizontal="center" vertical="center" wrapText="1"/>
    </xf>
    <xf numFmtId="0" fontId="18" fillId="21" borderId="13" xfId="0" applyFont="1" applyFill="1" applyBorder="1" applyAlignment="1">
      <alignment horizontal="center" vertical="center" wrapText="1"/>
    </xf>
    <xf numFmtId="0" fontId="13" fillId="13" borderId="5" xfId="0" applyFont="1" applyFill="1" applyBorder="1" applyAlignment="1">
      <alignment horizontal="center" vertical="center" wrapText="1"/>
    </xf>
    <xf numFmtId="0" fontId="15" fillId="15" borderId="5" xfId="0" applyFont="1" applyFill="1" applyBorder="1" applyAlignment="1">
      <alignment horizontal="center" vertical="center" wrapText="1"/>
    </xf>
    <xf numFmtId="0" fontId="15" fillId="15" borderId="5" xfId="0" applyFont="1" applyFill="1" applyBorder="1" applyAlignment="1">
      <alignment horizontal="left" vertical="center" wrapText="1"/>
    </xf>
    <xf numFmtId="0" fontId="15" fillId="15" borderId="6" xfId="0" applyFont="1" applyFill="1" applyBorder="1" applyAlignment="1">
      <alignment horizontal="center" vertical="center" wrapText="1"/>
    </xf>
    <xf numFmtId="0" fontId="17" fillId="15" borderId="5" xfId="0" applyFont="1" applyFill="1" applyBorder="1" applyAlignment="1">
      <alignment horizontal="center" vertical="center" wrapText="1"/>
    </xf>
    <xf numFmtId="0" fontId="20" fillId="2" borderId="0" xfId="0" applyFont="1" applyFill="1" applyAlignment="1">
      <alignment vertical="center" wrapText="1"/>
    </xf>
    <xf numFmtId="0" fontId="17" fillId="15" borderId="5" xfId="0" applyFont="1" applyFill="1" applyBorder="1" applyAlignment="1">
      <alignment horizontal="left" vertical="center" wrapText="1"/>
    </xf>
    <xf numFmtId="0" fontId="20" fillId="2" borderId="0" xfId="0" applyFont="1" applyFill="1"/>
    <xf numFmtId="0" fontId="17" fillId="26" borderId="5" xfId="0" applyFont="1" applyFill="1" applyBorder="1" applyAlignment="1">
      <alignment horizontal="center" vertical="center" wrapText="1"/>
    </xf>
    <xf numFmtId="0" fontId="17" fillId="26" borderId="5" xfId="0" applyFont="1" applyFill="1" applyBorder="1" applyAlignment="1">
      <alignment horizontal="left" vertical="center" wrapText="1"/>
    </xf>
    <xf numFmtId="0" fontId="17" fillId="14" borderId="5" xfId="0" applyFont="1" applyFill="1" applyBorder="1" applyAlignment="1">
      <alignment horizontal="center" vertical="center" wrapText="1"/>
    </xf>
    <xf numFmtId="0" fontId="17" fillId="14" borderId="5" xfId="0" applyFont="1" applyFill="1" applyBorder="1" applyAlignment="1">
      <alignment horizontal="left" vertical="center" wrapText="1"/>
    </xf>
    <xf numFmtId="0" fontId="15" fillId="14" borderId="6" xfId="0" applyFont="1" applyFill="1" applyBorder="1" applyAlignment="1">
      <alignment horizontal="center" vertical="center" wrapText="1"/>
    </xf>
    <xf numFmtId="0" fontId="15" fillId="26" borderId="5" xfId="0" applyFont="1" applyFill="1" applyBorder="1" applyAlignment="1">
      <alignment horizontal="center" vertical="center" wrapText="1"/>
    </xf>
    <xf numFmtId="0" fontId="15" fillId="26" borderId="5" xfId="0" applyFont="1" applyFill="1" applyBorder="1" applyAlignment="1">
      <alignment horizontal="left" vertical="center" wrapText="1"/>
    </xf>
    <xf numFmtId="0" fontId="21" fillId="2" borderId="0" xfId="0" applyFont="1" applyFill="1" applyAlignment="1">
      <alignment vertical="center" wrapText="1"/>
    </xf>
    <xf numFmtId="0" fontId="15" fillId="14" borderId="5" xfId="0" applyFont="1" applyFill="1" applyBorder="1" applyAlignment="1">
      <alignment horizontal="center" vertical="center" wrapText="1"/>
    </xf>
    <xf numFmtId="0" fontId="11" fillId="8" borderId="5" xfId="0" applyFont="1" applyFill="1" applyBorder="1" applyAlignment="1">
      <alignment horizontal="center" vertical="center" wrapText="1"/>
    </xf>
    <xf numFmtId="0" fontId="15" fillId="5" borderId="5" xfId="0" applyFont="1" applyFill="1" applyBorder="1" applyAlignment="1">
      <alignment horizontal="center" vertical="center" wrapText="1"/>
    </xf>
    <xf numFmtId="0" fontId="15" fillId="5" borderId="5" xfId="0" applyFont="1" applyFill="1" applyBorder="1" applyAlignment="1">
      <alignment horizontal="left" vertical="center" wrapText="1"/>
    </xf>
    <xf numFmtId="0" fontId="15" fillId="5" borderId="6" xfId="0" applyFont="1" applyFill="1" applyBorder="1" applyAlignment="1">
      <alignment horizontal="center" vertical="center" wrapText="1"/>
    </xf>
    <xf numFmtId="0" fontId="16" fillId="5" borderId="5" xfId="0" applyFont="1" applyFill="1" applyBorder="1" applyAlignment="1">
      <alignment horizontal="left" vertical="center" wrapText="1"/>
    </xf>
    <xf numFmtId="0" fontId="12" fillId="8" borderId="5" xfId="0" applyFont="1" applyFill="1" applyBorder="1" applyAlignment="1">
      <alignment horizontal="center" vertical="center" wrapText="1"/>
    </xf>
    <xf numFmtId="0" fontId="17" fillId="7" borderId="5" xfId="0" applyFont="1" applyFill="1" applyBorder="1" applyAlignment="1">
      <alignment horizontal="center" vertical="center" wrapText="1"/>
    </xf>
    <xf numFmtId="0" fontId="17" fillId="7" borderId="5" xfId="0" applyFont="1" applyFill="1" applyBorder="1" applyAlignment="1">
      <alignment horizontal="left" vertical="center" wrapText="1"/>
    </xf>
    <xf numFmtId="0" fontId="15" fillId="7" borderId="6" xfId="0" applyFont="1" applyFill="1" applyBorder="1" applyAlignment="1">
      <alignment horizontal="center" vertical="center" wrapText="1"/>
    </xf>
    <xf numFmtId="0" fontId="21" fillId="2" borderId="0" xfId="0" applyFont="1" applyFill="1"/>
    <xf numFmtId="0" fontId="15" fillId="7" borderId="5" xfId="0" applyFont="1" applyFill="1" applyBorder="1" applyAlignment="1">
      <alignment horizontal="center" vertical="center" wrapText="1"/>
    </xf>
    <xf numFmtId="0" fontId="15" fillId="7" borderId="5" xfId="0" applyFont="1" applyFill="1" applyBorder="1" applyAlignment="1">
      <alignment horizontal="left" vertical="center" wrapText="1"/>
    </xf>
    <xf numFmtId="0" fontId="23" fillId="9" borderId="5" xfId="0" applyFont="1" applyFill="1" applyBorder="1" applyAlignment="1">
      <alignment horizontal="center" vertical="center" wrapText="1"/>
    </xf>
    <xf numFmtId="0" fontId="23" fillId="9" borderId="5" xfId="0" applyFont="1" applyFill="1" applyBorder="1" applyAlignment="1">
      <alignment horizontal="left" vertical="center" wrapText="1"/>
    </xf>
    <xf numFmtId="0" fontId="23" fillId="9" borderId="6" xfId="0" applyFont="1" applyFill="1" applyBorder="1" applyAlignment="1">
      <alignment horizontal="center" vertical="center" wrapText="1"/>
    </xf>
    <xf numFmtId="0" fontId="23" fillId="10" borderId="5" xfId="0" applyFont="1" applyFill="1" applyBorder="1" applyAlignment="1">
      <alignment horizontal="center" vertical="center" wrapText="1"/>
    </xf>
    <xf numFmtId="0" fontId="23" fillId="10" borderId="5" xfId="0" applyFont="1" applyFill="1" applyBorder="1" applyAlignment="1">
      <alignment horizontal="left" vertical="center" wrapText="1"/>
    </xf>
    <xf numFmtId="0" fontId="23" fillId="10" borderId="6" xfId="0" applyFont="1" applyFill="1" applyBorder="1" applyAlignment="1">
      <alignment horizontal="center" vertical="center" wrapText="1"/>
    </xf>
    <xf numFmtId="0" fontId="17" fillId="25" borderId="5" xfId="0" applyFont="1" applyFill="1" applyBorder="1" applyAlignment="1">
      <alignment horizontal="center" vertical="center" wrapText="1"/>
    </xf>
    <xf numFmtId="0" fontId="17" fillId="25" borderId="6" xfId="0" applyFont="1" applyFill="1" applyBorder="1" applyAlignment="1">
      <alignment horizontal="center" vertical="center" wrapText="1"/>
    </xf>
    <xf numFmtId="0" fontId="15" fillId="25" borderId="5" xfId="0" applyFont="1" applyFill="1" applyBorder="1" applyAlignment="1">
      <alignment horizontal="left" vertical="center" wrapText="1"/>
    </xf>
    <xf numFmtId="0" fontId="15" fillId="25" borderId="5" xfId="0" applyFont="1" applyFill="1" applyBorder="1" applyAlignment="1">
      <alignment horizontal="center" vertical="center" wrapText="1"/>
    </xf>
    <xf numFmtId="0" fontId="15" fillId="25" borderId="6" xfId="0" applyFont="1" applyFill="1" applyBorder="1" applyAlignment="1">
      <alignment horizontal="center" vertical="center" wrapText="1"/>
    </xf>
    <xf numFmtId="0" fontId="24" fillId="2" borderId="0" xfId="0" applyFont="1" applyFill="1"/>
    <xf numFmtId="0" fontId="17" fillId="25" borderId="5" xfId="0" applyFont="1" applyFill="1" applyBorder="1" applyAlignment="1">
      <alignment horizontal="left" vertical="center" wrapText="1"/>
    </xf>
    <xf numFmtId="0" fontId="15" fillId="6" borderId="5" xfId="0" applyFont="1" applyFill="1" applyBorder="1" applyAlignment="1">
      <alignment horizontal="center" vertical="center" wrapText="1"/>
    </xf>
    <xf numFmtId="0" fontId="17" fillId="6" borderId="5" xfId="0" applyFont="1" applyFill="1" applyBorder="1" applyAlignment="1">
      <alignment horizontal="center" vertical="center" wrapText="1"/>
    </xf>
    <xf numFmtId="0" fontId="15" fillId="6" borderId="5" xfId="0" applyFont="1" applyFill="1" applyBorder="1" applyAlignment="1">
      <alignment horizontal="left" vertical="center" wrapText="1"/>
    </xf>
    <xf numFmtId="0" fontId="15" fillId="6" borderId="6" xfId="0" applyFont="1" applyFill="1" applyBorder="1" applyAlignment="1">
      <alignment horizontal="center" vertical="center" wrapText="1"/>
    </xf>
    <xf numFmtId="0" fontId="17" fillId="6" borderId="5" xfId="0" applyFont="1" applyFill="1" applyBorder="1" applyAlignment="1">
      <alignment horizontal="left" vertical="center" wrapText="1"/>
    </xf>
    <xf numFmtId="0" fontId="15" fillId="23" borderId="5" xfId="0" applyFont="1" applyFill="1" applyBorder="1" applyAlignment="1">
      <alignment horizontal="center" vertical="center" wrapText="1"/>
    </xf>
    <xf numFmtId="0" fontId="15" fillId="23" borderId="5" xfId="0" applyFont="1" applyFill="1" applyBorder="1" applyAlignment="1">
      <alignment horizontal="left" vertical="center" wrapText="1"/>
    </xf>
    <xf numFmtId="0" fontId="15" fillId="23" borderId="6" xfId="0" applyFont="1" applyFill="1" applyBorder="1" applyAlignment="1">
      <alignment horizontal="center" vertical="center" wrapText="1"/>
    </xf>
    <xf numFmtId="0" fontId="15" fillId="11" borderId="5" xfId="0" applyFont="1" applyFill="1" applyBorder="1" applyAlignment="1">
      <alignment horizontal="center" vertical="center" wrapText="1"/>
    </xf>
    <xf numFmtId="0" fontId="15" fillId="11" borderId="5" xfId="0" applyFont="1" applyFill="1" applyBorder="1" applyAlignment="1">
      <alignment horizontal="left" vertical="center" wrapText="1"/>
    </xf>
    <xf numFmtId="0" fontId="15" fillId="11" borderId="6" xfId="0" applyFont="1" applyFill="1" applyBorder="1" applyAlignment="1">
      <alignment horizontal="center" vertical="center" wrapText="1"/>
    </xf>
    <xf numFmtId="0" fontId="15" fillId="4" borderId="5" xfId="0" applyFont="1" applyFill="1" applyBorder="1" applyAlignment="1">
      <alignment horizontal="left" vertical="center" wrapText="1"/>
    </xf>
    <xf numFmtId="0" fontId="15" fillId="4" borderId="6" xfId="0" applyFont="1" applyFill="1" applyBorder="1" applyAlignment="1">
      <alignment horizontal="center" vertical="center" wrapText="1"/>
    </xf>
    <xf numFmtId="0" fontId="15" fillId="3" borderId="5" xfId="0" applyFont="1" applyFill="1" applyBorder="1" applyAlignment="1">
      <alignment horizontal="center" vertical="center" wrapText="1"/>
    </xf>
    <xf numFmtId="0" fontId="15" fillId="3" borderId="5" xfId="0" applyFont="1" applyFill="1" applyBorder="1" applyAlignment="1">
      <alignment horizontal="left" vertical="center" wrapText="1"/>
    </xf>
    <xf numFmtId="0" fontId="15" fillId="3" borderId="6" xfId="0" applyFont="1" applyFill="1" applyBorder="1" applyAlignment="1">
      <alignment horizontal="center" vertical="center" wrapText="1"/>
    </xf>
    <xf numFmtId="0" fontId="13" fillId="12" borderId="5" xfId="0" applyFont="1" applyFill="1" applyBorder="1" applyAlignment="1">
      <alignment horizontal="center" vertical="center" wrapText="1"/>
    </xf>
    <xf numFmtId="0" fontId="23" fillId="12" borderId="5" xfId="0" applyFont="1" applyFill="1" applyBorder="1" applyAlignment="1">
      <alignment horizontal="center" vertical="center" wrapText="1"/>
    </xf>
    <xf numFmtId="0" fontId="23" fillId="12" borderId="5" xfId="0" applyFont="1" applyFill="1" applyBorder="1" applyAlignment="1">
      <alignment horizontal="left" vertical="center" wrapText="1"/>
    </xf>
    <xf numFmtId="0" fontId="15" fillId="27" borderId="5" xfId="0" applyFont="1" applyFill="1" applyBorder="1" applyAlignment="1">
      <alignment horizontal="center" vertical="center" wrapText="1"/>
    </xf>
    <xf numFmtId="0" fontId="15" fillId="27" borderId="5" xfId="0" applyFont="1" applyFill="1" applyBorder="1" applyAlignment="1">
      <alignment horizontal="left" vertical="center" wrapText="1"/>
    </xf>
    <xf numFmtId="0" fontId="15" fillId="29" borderId="5" xfId="0" applyFont="1" applyFill="1" applyBorder="1" applyAlignment="1">
      <alignment horizontal="center" vertical="center" wrapText="1"/>
    </xf>
    <xf numFmtId="0" fontId="15" fillId="29" borderId="5" xfId="0" applyFont="1" applyFill="1" applyBorder="1" applyAlignment="1">
      <alignment horizontal="left" vertical="center" wrapText="1"/>
    </xf>
    <xf numFmtId="0" fontId="23" fillId="28" borderId="5" xfId="0" applyFont="1" applyFill="1" applyBorder="1" applyAlignment="1">
      <alignment horizontal="center" vertical="center" wrapText="1"/>
    </xf>
    <xf numFmtId="0" fontId="23" fillId="28" borderId="5" xfId="0" applyFont="1" applyFill="1" applyBorder="1" applyAlignment="1">
      <alignment vertical="center" wrapText="1"/>
    </xf>
    <xf numFmtId="0" fontId="15" fillId="6" borderId="5" xfId="0" applyFont="1" applyFill="1" applyBorder="1" applyAlignment="1">
      <alignment vertical="center" wrapText="1"/>
    </xf>
    <xf numFmtId="0" fontId="15" fillId="2" borderId="12" xfId="0" applyFont="1" applyFill="1" applyBorder="1" applyAlignment="1">
      <alignment horizontal="center" vertical="center"/>
    </xf>
    <xf numFmtId="0" fontId="18" fillId="16" borderId="5" xfId="0" applyFont="1" applyFill="1" applyBorder="1" applyAlignment="1">
      <alignment horizontal="center" vertical="center" wrapText="1"/>
    </xf>
    <xf numFmtId="0" fontId="15" fillId="17" borderId="5" xfId="0" applyFont="1" applyFill="1" applyBorder="1" applyAlignment="1">
      <alignment horizontal="center" vertical="center" wrapText="1"/>
    </xf>
    <xf numFmtId="0" fontId="15" fillId="17" borderId="5" xfId="0" applyFont="1" applyFill="1" applyBorder="1" applyAlignment="1">
      <alignment horizontal="left" vertical="center" wrapText="1"/>
    </xf>
    <xf numFmtId="0" fontId="15" fillId="17" borderId="6" xfId="0" applyFont="1" applyFill="1" applyBorder="1" applyAlignment="1">
      <alignment horizontal="center" vertical="center" wrapText="1"/>
    </xf>
    <xf numFmtId="0" fontId="18" fillId="16" borderId="10" xfId="0" applyFont="1" applyFill="1" applyBorder="1" applyAlignment="1">
      <alignment horizontal="center" vertical="center" wrapText="1"/>
    </xf>
    <xf numFmtId="0" fontId="15" fillId="19" borderId="5" xfId="0" applyFont="1" applyFill="1" applyBorder="1" applyAlignment="1">
      <alignment horizontal="center" vertical="center" wrapText="1"/>
    </xf>
    <xf numFmtId="0" fontId="15" fillId="19" borderId="5" xfId="0" applyFont="1" applyFill="1" applyBorder="1" applyAlignment="1">
      <alignment horizontal="left" vertical="center" wrapText="1"/>
    </xf>
    <xf numFmtId="0" fontId="15" fillId="19" borderId="6" xfId="0" applyFont="1" applyFill="1" applyBorder="1" applyAlignment="1">
      <alignment horizontal="center" vertical="center" wrapText="1"/>
    </xf>
    <xf numFmtId="0" fontId="23" fillId="24" borderId="5" xfId="0" applyFont="1" applyFill="1" applyBorder="1" applyAlignment="1">
      <alignment horizontal="center" vertical="center" wrapText="1"/>
    </xf>
    <xf numFmtId="0" fontId="23" fillId="24" borderId="5" xfId="0" applyFont="1" applyFill="1" applyBorder="1" applyAlignment="1">
      <alignment horizontal="left" vertical="center" wrapText="1"/>
    </xf>
    <xf numFmtId="0" fontId="23" fillId="24" borderId="6" xfId="0" applyFont="1" applyFill="1" applyBorder="1" applyAlignment="1">
      <alignment horizontal="center" vertical="center" wrapText="1"/>
    </xf>
    <xf numFmtId="0" fontId="17" fillId="18" borderId="5" xfId="0" applyFont="1" applyFill="1" applyBorder="1" applyAlignment="1">
      <alignment horizontal="center" vertical="center" wrapText="1"/>
    </xf>
    <xf numFmtId="0" fontId="17" fillId="18" borderId="5" xfId="0" applyFont="1" applyFill="1" applyBorder="1" applyAlignment="1">
      <alignment horizontal="left" vertical="center" wrapText="1"/>
    </xf>
    <xf numFmtId="0" fontId="15" fillId="18" borderId="6" xfId="0" applyFont="1" applyFill="1" applyBorder="1" applyAlignment="1">
      <alignment horizontal="center" vertical="center" wrapText="1"/>
    </xf>
    <xf numFmtId="0" fontId="23" fillId="20" borderId="5" xfId="0" applyFont="1" applyFill="1" applyBorder="1" applyAlignment="1">
      <alignment horizontal="center" vertical="center" wrapText="1"/>
    </xf>
    <xf numFmtId="0" fontId="23" fillId="20" borderId="11" xfId="0" applyFont="1" applyFill="1" applyBorder="1" applyAlignment="1">
      <alignment horizontal="left" vertical="center" wrapText="1"/>
    </xf>
    <xf numFmtId="0" fontId="23" fillId="20" borderId="11" xfId="0" applyFont="1" applyFill="1" applyBorder="1" applyAlignment="1">
      <alignment horizontal="center" vertical="center" wrapText="1"/>
    </xf>
    <xf numFmtId="0" fontId="23" fillId="20" borderId="6" xfId="0" applyFont="1" applyFill="1" applyBorder="1" applyAlignment="1">
      <alignment horizontal="center" vertical="center" wrapText="1"/>
    </xf>
    <xf numFmtId="0" fontId="13" fillId="16" borderId="5" xfId="0" applyFont="1" applyFill="1" applyBorder="1" applyAlignment="1">
      <alignment horizontal="center" vertical="center" wrapText="1"/>
    </xf>
    <xf numFmtId="0" fontId="15" fillId="0" borderId="0" xfId="0" applyFont="1" applyAlignment="1">
      <alignment horizontal="center" vertical="center"/>
    </xf>
    <xf numFmtId="0" fontId="15" fillId="0" borderId="0" xfId="0" applyFont="1" applyAlignment="1">
      <alignment vertical="top"/>
    </xf>
    <xf numFmtId="0" fontId="15" fillId="0" borderId="0" xfId="0" applyFont="1" applyAlignment="1">
      <alignment horizontal="center" vertical="top"/>
    </xf>
    <xf numFmtId="0" fontId="25" fillId="2" borderId="0" xfId="9" applyFont="1" applyFill="1" applyAlignment="1">
      <alignment horizontal="center"/>
    </xf>
    <xf numFmtId="0" fontId="11" fillId="5" borderId="5" xfId="0" applyFont="1" applyFill="1" applyBorder="1" applyAlignment="1">
      <alignment horizontal="center"/>
    </xf>
    <xf numFmtId="0" fontId="15" fillId="2" borderId="5" xfId="0" applyFont="1" applyFill="1" applyBorder="1" applyAlignment="1">
      <alignment horizontal="center" vertical="center"/>
    </xf>
    <xf numFmtId="15" fontId="15" fillId="2" borderId="5" xfId="0" applyNumberFormat="1" applyFont="1" applyFill="1" applyBorder="1" applyAlignment="1">
      <alignment horizontal="center" vertical="center"/>
    </xf>
    <xf numFmtId="0" fontId="15" fillId="2" borderId="6" xfId="0" applyFont="1" applyFill="1" applyBorder="1" applyAlignment="1">
      <alignment horizontal="center" vertical="center"/>
    </xf>
    <xf numFmtId="0" fontId="15" fillId="2" borderId="6" xfId="0" applyFont="1" applyFill="1" applyBorder="1" applyAlignment="1">
      <alignment horizontal="left" vertical="top" wrapText="1"/>
    </xf>
    <xf numFmtId="15" fontId="15" fillId="2" borderId="6" xfId="0" applyNumberFormat="1" applyFont="1" applyFill="1" applyBorder="1" applyAlignment="1">
      <alignment horizontal="center" vertical="center"/>
    </xf>
    <xf numFmtId="0" fontId="15" fillId="2" borderId="7" xfId="0" applyFont="1" applyFill="1" applyBorder="1" applyAlignment="1">
      <alignment horizontal="center" vertical="center"/>
    </xf>
    <xf numFmtId="0" fontId="15" fillId="2" borderId="7" xfId="0" applyFont="1" applyFill="1" applyBorder="1" applyAlignment="1">
      <alignment horizontal="left" vertical="top" wrapText="1"/>
    </xf>
    <xf numFmtId="0" fontId="15" fillId="2" borderId="8" xfId="0" applyFont="1" applyFill="1" applyBorder="1" applyAlignment="1">
      <alignment horizontal="left" vertical="top" wrapText="1"/>
    </xf>
    <xf numFmtId="0" fontId="16" fillId="2" borderId="5" xfId="9" applyFont="1" applyFill="1" applyBorder="1" applyAlignment="1">
      <alignment horizontal="left" vertical="top" wrapText="1"/>
    </xf>
    <xf numFmtId="0" fontId="15" fillId="2" borderId="8" xfId="0" applyFont="1" applyFill="1" applyBorder="1" applyAlignment="1">
      <alignment horizontal="center" vertical="center"/>
    </xf>
    <xf numFmtId="0" fontId="15" fillId="2" borderId="6" xfId="0" applyFont="1" applyFill="1" applyBorder="1" applyAlignment="1">
      <alignment wrapText="1"/>
    </xf>
    <xf numFmtId="0" fontId="15" fillId="2" borderId="5" xfId="0" applyFont="1" applyFill="1" applyBorder="1" applyAlignment="1">
      <alignment wrapText="1"/>
    </xf>
    <xf numFmtId="0" fontId="15" fillId="2" borderId="14" xfId="0" applyFont="1" applyFill="1" applyBorder="1" applyAlignment="1">
      <alignment wrapText="1"/>
    </xf>
    <xf numFmtId="15" fontId="15" fillId="2" borderId="15" xfId="0" applyNumberFormat="1" applyFont="1" applyFill="1" applyBorder="1" applyAlignment="1">
      <alignment horizontal="center" vertical="center"/>
    </xf>
    <xf numFmtId="0" fontId="15" fillId="2" borderId="17" xfId="0" applyFont="1" applyFill="1" applyBorder="1" applyAlignment="1">
      <alignment wrapText="1"/>
    </xf>
    <xf numFmtId="15" fontId="15" fillId="2" borderId="16" xfId="0" applyNumberFormat="1" applyFont="1" applyFill="1" applyBorder="1" applyAlignment="1">
      <alignment horizontal="center" vertical="center"/>
    </xf>
    <xf numFmtId="0" fontId="15" fillId="2" borderId="8" xfId="0" applyFont="1" applyFill="1" applyBorder="1" applyAlignment="1">
      <alignment horizontal="center"/>
    </xf>
    <xf numFmtId="0" fontId="15" fillId="2" borderId="8" xfId="0" applyFont="1" applyFill="1" applyBorder="1" applyAlignment="1">
      <alignment wrapText="1"/>
    </xf>
    <xf numFmtId="15" fontId="15" fillId="2" borderId="8" xfId="0" applyNumberFormat="1" applyFont="1" applyFill="1" applyBorder="1" applyAlignment="1">
      <alignment horizontal="center" vertical="center"/>
    </xf>
    <xf numFmtId="0" fontId="15" fillId="2" borderId="7" xfId="0" applyFont="1" applyFill="1" applyBorder="1" applyAlignment="1">
      <alignment horizontal="center"/>
    </xf>
    <xf numFmtId="0" fontId="15" fillId="2" borderId="7" xfId="0" applyFont="1" applyFill="1" applyBorder="1" applyAlignment="1">
      <alignment wrapText="1"/>
    </xf>
    <xf numFmtId="15" fontId="15" fillId="2" borderId="7" xfId="0" applyNumberFormat="1" applyFont="1" applyFill="1" applyBorder="1" applyAlignment="1">
      <alignment horizontal="center" vertical="center"/>
    </xf>
    <xf numFmtId="15" fontId="17" fillId="2" borderId="5" xfId="0" applyNumberFormat="1" applyFont="1" applyFill="1" applyBorder="1" applyAlignment="1">
      <alignment horizontal="center" vertical="center"/>
    </xf>
    <xf numFmtId="0" fontId="17" fillId="0" borderId="5" xfId="0" applyFont="1" applyBorder="1" applyAlignment="1">
      <alignment horizontal="center" vertical="center"/>
    </xf>
    <xf numFmtId="0" fontId="17" fillId="0" borderId="5" xfId="0" applyFont="1" applyBorder="1" applyAlignment="1">
      <alignment wrapText="1"/>
    </xf>
    <xf numFmtId="0" fontId="26" fillId="2" borderId="0" xfId="0" applyFont="1" applyFill="1"/>
    <xf numFmtId="14" fontId="26" fillId="2" borderId="0" xfId="0" applyNumberFormat="1" applyFont="1" applyFill="1" applyAlignment="1">
      <alignment horizontal="center"/>
    </xf>
    <xf numFmtId="0" fontId="9" fillId="2" borderId="0" xfId="0" applyFont="1" applyFill="1" applyAlignment="1">
      <alignment horizontal="left" vertical="center"/>
    </xf>
    <xf numFmtId="0" fontId="0" fillId="2" borderId="0" xfId="0" applyFill="1"/>
    <xf numFmtId="0" fontId="23" fillId="20" borderId="0" xfId="0" applyFont="1" applyFill="1" applyAlignment="1">
      <alignment horizontal="center" vertical="center" wrapText="1"/>
    </xf>
    <xf numFmtId="0" fontId="0" fillId="2" borderId="0" xfId="0" applyFill="1" applyAlignment="1">
      <alignment horizontal="left" vertical="center"/>
    </xf>
    <xf numFmtId="14" fontId="17" fillId="2" borderId="0" xfId="0" applyNumberFormat="1" applyFont="1" applyFill="1" applyAlignment="1">
      <alignment horizontal="left" vertical="center"/>
    </xf>
    <xf numFmtId="0" fontId="17" fillId="2" borderId="0" xfId="0" applyFont="1" applyFill="1" applyAlignment="1">
      <alignment horizontal="left" vertical="center"/>
    </xf>
    <xf numFmtId="0" fontId="9" fillId="2" borderId="0" xfId="0" applyFont="1" applyFill="1" applyAlignment="1">
      <alignment vertical="center"/>
    </xf>
    <xf numFmtId="0" fontId="0" fillId="2" borderId="0" xfId="0" applyFill="1" applyAlignment="1">
      <alignment vertical="top" wrapText="1"/>
    </xf>
    <xf numFmtId="0" fontId="8" fillId="2" borderId="0" xfId="9" applyFill="1" applyAlignment="1">
      <alignment vertical="top"/>
    </xf>
    <xf numFmtId="0" fontId="0" fillId="2" borderId="0" xfId="0" applyFill="1" applyAlignment="1">
      <alignment horizontal="left" vertical="top" wrapText="1"/>
    </xf>
    <xf numFmtId="0" fontId="28" fillId="2" borderId="0" xfId="0" applyFont="1" applyFill="1" applyAlignment="1">
      <alignment vertical="center"/>
    </xf>
    <xf numFmtId="0" fontId="17" fillId="15" borderId="6" xfId="0" applyFont="1" applyFill="1" applyBorder="1" applyAlignment="1">
      <alignment horizontal="center" vertical="center" wrapText="1"/>
    </xf>
    <xf numFmtId="0" fontId="17" fillId="14" borderId="6" xfId="0" applyFont="1" applyFill="1" applyBorder="1" applyAlignment="1">
      <alignment horizontal="center" vertical="center" wrapText="1"/>
    </xf>
    <xf numFmtId="0" fontId="17" fillId="7" borderId="6" xfId="0" applyFont="1" applyFill="1" applyBorder="1" applyAlignment="1">
      <alignment horizontal="center" vertical="center" wrapText="1"/>
    </xf>
    <xf numFmtId="0" fontId="17" fillId="18" borderId="6" xfId="0" applyFont="1" applyFill="1" applyBorder="1" applyAlignment="1">
      <alignment horizontal="center" vertical="center" wrapText="1"/>
    </xf>
    <xf numFmtId="0" fontId="23" fillId="20" borderId="15" xfId="0" applyFont="1" applyFill="1" applyBorder="1" applyAlignment="1">
      <alignment horizontal="center" vertical="center" wrapText="1"/>
    </xf>
    <xf numFmtId="0" fontId="29" fillId="2" borderId="0" xfId="0" applyFont="1" applyFill="1" applyAlignment="1">
      <alignment vertical="center"/>
    </xf>
    <xf numFmtId="0" fontId="30" fillId="2" borderId="0" xfId="0" applyFont="1" applyFill="1" applyAlignment="1">
      <alignment vertical="center"/>
    </xf>
    <xf numFmtId="0" fontId="27" fillId="2" borderId="0" xfId="0" applyFont="1" applyFill="1"/>
    <xf numFmtId="0" fontId="8" fillId="2" borderId="0" xfId="9" applyFill="1" applyAlignment="1">
      <alignment vertical="center"/>
    </xf>
    <xf numFmtId="0" fontId="31" fillId="2" borderId="5" xfId="9" applyFont="1" applyFill="1" applyBorder="1" applyAlignment="1">
      <alignment vertical="top" wrapText="1"/>
    </xf>
    <xf numFmtId="0" fontId="31" fillId="2" borderId="7" xfId="9" applyFont="1" applyFill="1" applyBorder="1" applyAlignment="1">
      <alignment vertical="top" wrapText="1"/>
    </xf>
    <xf numFmtId="0" fontId="31" fillId="2" borderId="8" xfId="9" applyFont="1" applyFill="1" applyBorder="1" applyAlignment="1">
      <alignment vertical="top" wrapText="1"/>
    </xf>
    <xf numFmtId="0" fontId="31" fillId="2" borderId="9" xfId="9" applyFont="1" applyFill="1" applyBorder="1" applyAlignment="1">
      <alignment vertical="top" wrapText="1"/>
    </xf>
    <xf numFmtId="0" fontId="31" fillId="2" borderId="6" xfId="9" applyFont="1" applyFill="1" applyBorder="1" applyAlignment="1">
      <alignment wrapText="1"/>
    </xf>
    <xf numFmtId="0" fontId="31" fillId="2" borderId="5" xfId="9" applyFont="1" applyFill="1" applyBorder="1" applyAlignment="1">
      <alignment wrapText="1"/>
    </xf>
    <xf numFmtId="0" fontId="16" fillId="22" borderId="5" xfId="0" applyFont="1" applyFill="1" applyBorder="1" applyAlignment="1">
      <alignment horizontal="left" vertical="center" wrapText="1"/>
    </xf>
    <xf numFmtId="0" fontId="14" fillId="4" borderId="10" xfId="9" applyFont="1" applyFill="1" applyBorder="1" applyAlignment="1">
      <alignment horizontal="center" vertical="center" wrapText="1"/>
    </xf>
    <xf numFmtId="0" fontId="15" fillId="4" borderId="10" xfId="0" applyFont="1" applyFill="1" applyBorder="1" applyAlignment="1">
      <alignment horizontal="center" vertical="center" wrapText="1"/>
    </xf>
    <xf numFmtId="0" fontId="17" fillId="4" borderId="10" xfId="0" applyFont="1" applyFill="1" applyBorder="1" applyAlignment="1">
      <alignment horizontal="center" vertical="center" wrapText="1"/>
    </xf>
    <xf numFmtId="0" fontId="21" fillId="4" borderId="10" xfId="0" applyFont="1" applyFill="1" applyBorder="1" applyAlignment="1">
      <alignment horizontal="center" vertical="center" wrapText="1"/>
    </xf>
    <xf numFmtId="0" fontId="15" fillId="0" borderId="0" xfId="0" applyFont="1" applyAlignment="1">
      <alignment horizontal="center" vertical="center" textRotation="90" wrapText="1"/>
    </xf>
    <xf numFmtId="0" fontId="12" fillId="0" borderId="0" xfId="0" applyFont="1" applyAlignment="1">
      <alignment horizontal="center" vertical="center" textRotation="90" wrapText="1"/>
    </xf>
    <xf numFmtId="0" fontId="17" fillId="0" borderId="0" xfId="0" applyFont="1" applyAlignment="1">
      <alignment horizontal="center" vertical="center"/>
    </xf>
    <xf numFmtId="0" fontId="20" fillId="0" borderId="0" xfId="0" applyFont="1" applyAlignment="1">
      <alignment horizontal="center" vertical="center"/>
    </xf>
    <xf numFmtId="0" fontId="20" fillId="0" borderId="0" xfId="0" applyFont="1"/>
    <xf numFmtId="0" fontId="21" fillId="0" borderId="0" xfId="0" applyFont="1" applyAlignment="1">
      <alignment horizontal="center" vertical="center"/>
    </xf>
    <xf numFmtId="0" fontId="21" fillId="0" borderId="0" xfId="0" applyFont="1"/>
    <xf numFmtId="0" fontId="24" fillId="0" borderId="0" xfId="0" applyFont="1"/>
    <xf numFmtId="0" fontId="33" fillId="2" borderId="0" xfId="0" applyFont="1" applyFill="1" applyAlignment="1">
      <alignment horizontal="left" vertical="top"/>
    </xf>
    <xf numFmtId="0" fontId="0" fillId="2" borderId="0" xfId="0" applyFill="1" applyAlignment="1">
      <alignment horizontal="left" vertical="top"/>
    </xf>
    <xf numFmtId="0" fontId="36" fillId="2" borderId="5" xfId="9" applyFont="1" applyFill="1" applyBorder="1" applyAlignment="1">
      <alignment wrapText="1"/>
    </xf>
    <xf numFmtId="0" fontId="36" fillId="2" borderId="7" xfId="9" applyFont="1" applyFill="1" applyBorder="1" applyAlignment="1">
      <alignment wrapText="1"/>
    </xf>
    <xf numFmtId="0" fontId="36" fillId="0" borderId="7" xfId="9" applyFont="1" applyBorder="1" applyAlignment="1">
      <alignment wrapText="1"/>
    </xf>
    <xf numFmtId="0" fontId="36" fillId="2" borderId="8" xfId="9" applyFont="1" applyFill="1" applyBorder="1" applyAlignment="1">
      <alignment wrapText="1"/>
    </xf>
    <xf numFmtId="0" fontId="36" fillId="0" borderId="5" xfId="9" applyFont="1" applyFill="1" applyBorder="1" applyAlignment="1">
      <alignment wrapText="1"/>
    </xf>
    <xf numFmtId="0" fontId="0" fillId="2" borderId="0" xfId="0" applyFill="1" applyAlignment="1">
      <alignment horizontal="left" vertical="top" wrapText="1"/>
    </xf>
    <xf numFmtId="0" fontId="15" fillId="2" borderId="0" xfId="0" applyFont="1" applyFill="1" applyAlignment="1">
      <alignment horizontal="left" vertical="center" wrapText="1"/>
    </xf>
    <xf numFmtId="0" fontId="0" fillId="0" borderId="0" xfId="0" applyAlignment="1">
      <alignment horizontal="left" vertical="center" wrapText="1"/>
    </xf>
    <xf numFmtId="0" fontId="30" fillId="2" borderId="0" xfId="0" applyFont="1" applyFill="1" applyAlignment="1">
      <alignment horizontal="left" vertical="center"/>
    </xf>
    <xf numFmtId="15" fontId="34" fillId="2" borderId="0" xfId="0" applyNumberFormat="1" applyFont="1" applyFill="1" applyAlignment="1">
      <alignment horizontal="left" vertical="center" wrapText="1"/>
    </xf>
    <xf numFmtId="15" fontId="15" fillId="2" borderId="0" xfId="0" applyNumberFormat="1" applyFont="1" applyFill="1" applyAlignment="1">
      <alignment horizontal="left" vertical="center" wrapText="1"/>
    </xf>
    <xf numFmtId="0" fontId="13" fillId="0" borderId="0" xfId="0" applyFont="1" applyAlignment="1">
      <alignment horizontal="center" vertical="center"/>
    </xf>
    <xf numFmtId="0" fontId="17" fillId="2" borderId="18" xfId="0" applyFont="1" applyFill="1" applyBorder="1" applyAlignment="1">
      <alignment horizontal="left" vertical="center" wrapText="1"/>
    </xf>
    <xf numFmtId="0" fontId="17" fillId="2" borderId="24" xfId="0" applyFont="1" applyFill="1" applyBorder="1" applyAlignment="1">
      <alignment horizontal="left" vertical="center" wrapText="1"/>
    </xf>
    <xf numFmtId="0" fontId="17" fillId="2" borderId="19" xfId="0" applyFont="1" applyFill="1" applyBorder="1" applyAlignment="1">
      <alignment horizontal="left" vertical="center" wrapText="1"/>
    </xf>
    <xf numFmtId="0" fontId="11" fillId="2" borderId="14" xfId="0" applyFont="1" applyFill="1" applyBorder="1" applyAlignment="1">
      <alignment horizontal="center" vertical="center"/>
    </xf>
    <xf numFmtId="0" fontId="11" fillId="2" borderId="21" xfId="0" applyFont="1" applyFill="1" applyBorder="1" applyAlignment="1">
      <alignment horizontal="center" vertical="center"/>
    </xf>
    <xf numFmtId="0" fontId="11" fillId="2" borderId="15" xfId="0" applyFont="1" applyFill="1" applyBorder="1" applyAlignment="1">
      <alignment horizontal="center" vertical="center"/>
    </xf>
    <xf numFmtId="0" fontId="11" fillId="2" borderId="20" xfId="0" applyFont="1" applyFill="1" applyBorder="1" applyAlignment="1">
      <alignment horizontal="center" vertical="center"/>
    </xf>
    <xf numFmtId="0" fontId="11" fillId="2" borderId="23" xfId="0" applyFont="1" applyFill="1" applyBorder="1" applyAlignment="1">
      <alignment horizontal="center" vertical="center"/>
    </xf>
    <xf numFmtId="0" fontId="11" fillId="2" borderId="22" xfId="0" applyFont="1" applyFill="1" applyBorder="1" applyAlignment="1">
      <alignment horizontal="center" vertical="center"/>
    </xf>
    <xf numFmtId="0" fontId="11" fillId="30" borderId="14" xfId="0" applyFont="1" applyFill="1" applyBorder="1" applyAlignment="1">
      <alignment horizontal="center" vertical="center"/>
    </xf>
    <xf numFmtId="0" fontId="11" fillId="30" borderId="21" xfId="0" applyFont="1" applyFill="1" applyBorder="1" applyAlignment="1">
      <alignment horizontal="center" vertical="center"/>
    </xf>
    <xf numFmtId="0" fontId="11" fillId="30" borderId="15" xfId="0" applyFont="1" applyFill="1" applyBorder="1" applyAlignment="1">
      <alignment horizontal="center" vertical="center"/>
    </xf>
    <xf numFmtId="0" fontId="11" fillId="30" borderId="20" xfId="0" applyFont="1" applyFill="1" applyBorder="1" applyAlignment="1">
      <alignment horizontal="center" vertical="center"/>
    </xf>
    <xf numFmtId="0" fontId="11" fillId="30" borderId="23" xfId="0" applyFont="1" applyFill="1" applyBorder="1" applyAlignment="1">
      <alignment horizontal="center" vertical="center"/>
    </xf>
    <xf numFmtId="0" fontId="11" fillId="30" borderId="22" xfId="0" applyFont="1" applyFill="1" applyBorder="1" applyAlignment="1">
      <alignment horizontal="center" vertical="center"/>
    </xf>
    <xf numFmtId="0" fontId="11" fillId="2" borderId="15" xfId="0" applyFont="1" applyFill="1" applyBorder="1" applyAlignment="1">
      <alignment horizontal="center" vertical="center" wrapText="1"/>
    </xf>
    <xf numFmtId="0" fontId="11" fillId="2" borderId="22" xfId="0" applyFont="1" applyFill="1" applyBorder="1" applyAlignment="1">
      <alignment horizontal="center" vertical="center" wrapText="1"/>
    </xf>
    <xf numFmtId="0" fontId="11" fillId="0" borderId="0" xfId="0" applyFont="1" applyAlignment="1">
      <alignment horizontal="center" vertical="center" wrapText="1"/>
    </xf>
    <xf numFmtId="0" fontId="11" fillId="0" borderId="0" xfId="0" applyFont="1" applyAlignment="1">
      <alignment horizontal="center" vertical="center"/>
    </xf>
    <xf numFmtId="0" fontId="15" fillId="2" borderId="25" xfId="0" applyFont="1" applyFill="1" applyBorder="1" applyAlignment="1">
      <alignment horizontal="left" vertical="center" wrapText="1"/>
    </xf>
    <xf numFmtId="0" fontId="15" fillId="2" borderId="26" xfId="0" applyFont="1" applyFill="1" applyBorder="1" applyAlignment="1">
      <alignment horizontal="left" vertical="center" wrapText="1"/>
    </xf>
    <xf numFmtId="0" fontId="15" fillId="2" borderId="27" xfId="0" applyFont="1" applyFill="1" applyBorder="1" applyAlignment="1">
      <alignment horizontal="left" vertical="center" wrapText="1"/>
    </xf>
  </cellXfs>
  <cellStyles count="10">
    <cellStyle name="Heading 1" xfId="4" builtinId="16" customBuiltin="1"/>
    <cellStyle name="Heading 2" xfId="5" builtinId="17" customBuiltin="1"/>
    <cellStyle name="Heading 3" xfId="6" builtinId="18" customBuiltin="1"/>
    <cellStyle name="Heading 4" xfId="7" builtinId="19" customBuiltin="1"/>
    <cellStyle name="Hyperlink" xfId="9" builtinId="8"/>
    <cellStyle name="Normal" xfId="0" builtinId="0" customBuiltin="1"/>
    <cellStyle name="Normal 2" xfId="1" xr:uid="{3BC9F2CF-8901-4C70-95BB-124ECC97EC00}"/>
    <cellStyle name="Normal 2 2" xfId="2" xr:uid="{56E6692E-1E4C-4661-A89E-345772A97718}"/>
    <cellStyle name="Title" xfId="3" builtinId="15" customBuiltin="1"/>
    <cellStyle name="Total" xfId="8" builtinId="25" customBuiltin="1"/>
  </cellStyles>
  <dxfs count="3">
    <dxf>
      <font>
        <b/>
        <i val="0"/>
        <color theme="0"/>
      </font>
      <fill>
        <patternFill patternType="mediumGray">
          <bgColor theme="9" tint="-0.24994659260841701"/>
        </patternFill>
      </fill>
    </dxf>
    <dxf>
      <font>
        <b/>
        <i val="0"/>
        <color auto="1"/>
      </font>
      <fill>
        <patternFill patternType="gray125">
          <bgColor theme="9" tint="0.79998168889431442"/>
        </patternFill>
      </fill>
    </dxf>
    <dxf>
      <font>
        <b/>
        <i val="0"/>
        <color theme="0"/>
      </font>
      <fill>
        <patternFill patternType="mediumGray">
          <bgColor theme="9" tint="-0.24994659260841701"/>
        </patternFill>
      </fill>
    </dxf>
  </dxfs>
  <tableStyles count="0" defaultTableStyle="TableStyleMedium2" defaultPivotStyle="PivotStyleLight16"/>
  <colors>
    <mruColors>
      <color rgb="FF008531"/>
      <color rgb="FFFFFFCC"/>
      <color rgb="FFFFCC99"/>
      <color rgb="FFFFCCCC"/>
      <color rgb="FF9BE0FB"/>
      <color rgb="FFFFCC00"/>
      <color rgb="FFFFFF00"/>
      <color rgb="FFFFFF99"/>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13" Type="http://schemas.openxmlformats.org/officeDocument/2006/relationships/customXml" Target="../customXml/item7.xml"/><Relationship Id="rId3" Type="http://schemas.openxmlformats.org/officeDocument/2006/relationships/worksheet" Target="worksheets/sheet3.xml"/><Relationship Id="rId7" Type="http://schemas.openxmlformats.org/officeDocument/2006/relationships/customXml" Target="../customXml/item1.xml"/><Relationship Id="rId12" Type="http://schemas.openxmlformats.org/officeDocument/2006/relationships/customXml" Target="../customXml/item6.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11" Type="http://schemas.openxmlformats.org/officeDocument/2006/relationships/customXml" Target="../customXml/item5.xml"/><Relationship Id="rId5" Type="http://schemas.openxmlformats.org/officeDocument/2006/relationships/styles" Target="styles.xml"/><Relationship Id="rId10" Type="http://schemas.openxmlformats.org/officeDocument/2006/relationships/customXml" Target="../customXml/item4.xml"/><Relationship Id="rId4" Type="http://schemas.openxmlformats.org/officeDocument/2006/relationships/theme" Target="theme/theme1.xml"/><Relationship Id="rId9" Type="http://schemas.openxmlformats.org/officeDocument/2006/relationships/customXml" Target="../customXml/item3.xml"/></Relationships>
</file>

<file path=xl/drawings/_rels/drawing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image" Target="../media/image3.png"/></Relationships>
</file>

<file path=xl/drawings/drawing1.xml><?xml version="1.0" encoding="utf-8"?>
<xdr:wsDr xmlns:xdr="http://schemas.openxmlformats.org/drawingml/2006/spreadsheetDrawing" xmlns:a="http://schemas.openxmlformats.org/drawingml/2006/main">
  <xdr:twoCellAnchor editAs="oneCell">
    <xdr:from>
      <xdr:col>2</xdr:col>
      <xdr:colOff>4103175</xdr:colOff>
      <xdr:row>0</xdr:row>
      <xdr:rowOff>125010</xdr:rowOff>
    </xdr:from>
    <xdr:to>
      <xdr:col>3</xdr:col>
      <xdr:colOff>704363</xdr:colOff>
      <xdr:row>2</xdr:row>
      <xdr:rowOff>141433</xdr:rowOff>
    </xdr:to>
    <xdr:pic>
      <xdr:nvPicPr>
        <xdr:cNvPr id="4" name="Picture 3">
          <a:extLst>
            <a:ext uri="{FF2B5EF4-FFF2-40B4-BE49-F238E27FC236}">
              <a16:creationId xmlns:a16="http://schemas.microsoft.com/office/drawing/2014/main" id="{A9C9A50D-26BB-4DF7-BB7F-11E1E0504AE1}"/>
            </a:ext>
          </a:extLst>
        </xdr:cNvPr>
        <xdr:cNvPicPr>
          <a:picLocks noChangeAspect="1"/>
        </xdr:cNvPicPr>
      </xdr:nvPicPr>
      <xdr:blipFill rotWithShape="1">
        <a:blip xmlns:r="http://schemas.openxmlformats.org/officeDocument/2006/relationships" r:embed="rId1" cstate="print">
          <a:extLst>
            <a:ext uri="{28A0092B-C50C-407E-A947-70E740481C1C}">
              <a14:useLocalDpi xmlns:a14="http://schemas.microsoft.com/office/drawing/2010/main" val="0"/>
            </a:ext>
          </a:extLst>
        </a:blip>
        <a:srcRect l="6666" t="18216" r="9241" b="14627"/>
        <a:stretch>
          <a:fillRect/>
        </a:stretch>
      </xdr:blipFill>
      <xdr:spPr bwMode="auto">
        <a:xfrm>
          <a:off x="5931975" y="125010"/>
          <a:ext cx="1858988" cy="683173"/>
        </a:xfrm>
        <a:prstGeom prst="rect">
          <a:avLst/>
        </a:prstGeom>
        <a:noFill/>
        <a:ln>
          <a:noFill/>
        </a:ln>
      </xdr:spPr>
    </xdr:pic>
    <xdr:clientData/>
  </xdr:twoCellAnchor>
  <xdr:twoCellAnchor editAs="oneCell">
    <xdr:from>
      <xdr:col>3</xdr:col>
      <xdr:colOff>803520</xdr:colOff>
      <xdr:row>0</xdr:row>
      <xdr:rowOff>127366</xdr:rowOff>
    </xdr:from>
    <xdr:to>
      <xdr:col>3</xdr:col>
      <xdr:colOff>1635369</xdr:colOff>
      <xdr:row>2</xdr:row>
      <xdr:rowOff>169482</xdr:rowOff>
    </xdr:to>
    <xdr:pic>
      <xdr:nvPicPr>
        <xdr:cNvPr id="7" name="Picture 6">
          <a:extLst>
            <a:ext uri="{FF2B5EF4-FFF2-40B4-BE49-F238E27FC236}">
              <a16:creationId xmlns:a16="http://schemas.microsoft.com/office/drawing/2014/main" id="{67B59EF2-0DD6-48AF-B90F-1F7E7AEEAE97}"/>
            </a:ext>
          </a:extLst>
        </xdr:cNvPr>
        <xdr:cNvPicPr>
          <a:picLocks noChangeAspect="1"/>
        </xdr:cNvPicPr>
      </xdr:nvPicPr>
      <xdr:blipFill>
        <a:blip xmlns:r="http://schemas.openxmlformats.org/officeDocument/2006/relationships" r:embed="rId2" cstate="print">
          <a:extLst>
            <a:ext uri="{28A0092B-C50C-407E-A947-70E740481C1C}">
              <a14:useLocalDpi xmlns:a14="http://schemas.microsoft.com/office/drawing/2010/main" val="0"/>
            </a:ext>
          </a:extLst>
        </a:blip>
        <a:stretch>
          <a:fillRect/>
        </a:stretch>
      </xdr:blipFill>
      <xdr:spPr>
        <a:xfrm>
          <a:off x="7890120" y="127366"/>
          <a:ext cx="831849" cy="708866"/>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4</xdr:col>
      <xdr:colOff>3045710</xdr:colOff>
      <xdr:row>0</xdr:row>
      <xdr:rowOff>118918</xdr:rowOff>
    </xdr:from>
    <xdr:to>
      <xdr:col>4</xdr:col>
      <xdr:colOff>4067808</xdr:colOff>
      <xdr:row>1</xdr:row>
      <xdr:rowOff>652145</xdr:rowOff>
    </xdr:to>
    <xdr:pic>
      <xdr:nvPicPr>
        <xdr:cNvPr id="4" name="Picture 3">
          <a:extLst>
            <a:ext uri="{FF2B5EF4-FFF2-40B4-BE49-F238E27FC236}">
              <a16:creationId xmlns:a16="http://schemas.microsoft.com/office/drawing/2014/main" id="{0CBF88C8-F210-4755-8318-F5BD3FF69FE0}"/>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10722860" y="118918"/>
          <a:ext cx="1022098" cy="882477"/>
        </a:xfrm>
        <a:prstGeom prst="rect">
          <a:avLst/>
        </a:prstGeom>
      </xdr:spPr>
    </xdr:pic>
    <xdr:clientData/>
  </xdr:twoCellAnchor>
  <xdr:twoCellAnchor editAs="oneCell">
    <xdr:from>
      <xdr:col>4</xdr:col>
      <xdr:colOff>223520</xdr:colOff>
      <xdr:row>0</xdr:row>
      <xdr:rowOff>156210</xdr:rowOff>
    </xdr:from>
    <xdr:to>
      <xdr:col>4</xdr:col>
      <xdr:colOff>2872740</xdr:colOff>
      <xdr:row>1</xdr:row>
      <xdr:rowOff>630555</xdr:rowOff>
    </xdr:to>
    <xdr:pic>
      <xdr:nvPicPr>
        <xdr:cNvPr id="8" name="Picture 7">
          <a:extLst>
            <a:ext uri="{FF2B5EF4-FFF2-40B4-BE49-F238E27FC236}">
              <a16:creationId xmlns:a16="http://schemas.microsoft.com/office/drawing/2014/main" id="{BB6375BD-A2FC-C2F6-489A-1C8F825967B7}"/>
            </a:ext>
          </a:extLst>
        </xdr:cNvPr>
        <xdr:cNvPicPr>
          <a:picLocks noChangeAspect="1"/>
        </xdr:cNvPicPr>
      </xdr:nvPicPr>
      <xdr:blipFill rotWithShape="1">
        <a:blip xmlns:r="http://schemas.openxmlformats.org/officeDocument/2006/relationships" r:embed="rId2" cstate="print">
          <a:extLst>
            <a:ext uri="{28A0092B-C50C-407E-A947-70E740481C1C}">
              <a14:useLocalDpi xmlns:a14="http://schemas.microsoft.com/office/drawing/2010/main" val="0"/>
            </a:ext>
          </a:extLst>
        </a:blip>
        <a:srcRect l="5555" t="19223" r="6061" b="21459"/>
        <a:stretch>
          <a:fillRect/>
        </a:stretch>
      </xdr:blipFill>
      <xdr:spPr>
        <a:xfrm>
          <a:off x="7900670" y="156210"/>
          <a:ext cx="2649220" cy="823595"/>
        </a:xfrm>
        <a:prstGeom prst="rect">
          <a:avLst/>
        </a:prstGeom>
      </xdr:spPr>
    </xdr:pic>
    <xdr:clientData/>
  </xdr:twoCellAnchor>
</xdr:wsDr>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8" Type="http://schemas.openxmlformats.org/officeDocument/2006/relationships/hyperlink" Target="https://www.gov.uk/flood-and-coastal-erosion-risk-management-research-reports/working-with-natural-processes-to-reduce-flood-risk-2024" TargetMode="External"/><Relationship Id="rId13" Type="http://schemas.openxmlformats.org/officeDocument/2006/relationships/hyperlink" Target="https://www.therrc.co.uk/manual-river-restoration-techniques" TargetMode="External"/><Relationship Id="rId18" Type="http://schemas.openxmlformats.org/officeDocument/2006/relationships/hyperlink" Target="https://www.ciria.org/CIRIA/CIRIA/Item_Detail.aspx?iProductCode=C820&amp;Category=BOOK" TargetMode="External"/><Relationship Id="rId3" Type="http://schemas.openxmlformats.org/officeDocument/2006/relationships/hyperlink" Target="https://www.wwt.org.uk/uploads/documents/2023-07-31/wwt-water-quality-route-map.pdf" TargetMode="External"/><Relationship Id="rId21" Type="http://schemas.openxmlformats.org/officeDocument/2006/relationships/printerSettings" Target="../printerSettings/printerSettings3.bin"/><Relationship Id="rId7" Type="http://schemas.openxmlformats.org/officeDocument/2006/relationships/hyperlink" Target="https://www.susdrain.org/delivering-suds/using-suds/suds-components/suds-components.html" TargetMode="External"/><Relationship Id="rId12" Type="http://schemas.openxmlformats.org/officeDocument/2006/relationships/hyperlink" Target="https://nat4wat.icradev.cat/home" TargetMode="External"/><Relationship Id="rId17" Type="http://schemas.openxmlformats.org/officeDocument/2006/relationships/hyperlink" Target="https://www.estuaryedges.co.uk/" TargetMode="External"/><Relationship Id="rId2" Type="http://schemas.openxmlformats.org/officeDocument/2006/relationships/hyperlink" Target="https://assets.publishing.service.gov.uk/media/6036c5468fa8f5480a5386e9/Working_with_natural_processes_evidence_directory.pdf" TargetMode="External"/><Relationship Id="rId16" Type="http://schemas.openxmlformats.org/officeDocument/2006/relationships/hyperlink" Target="https://dynamicdunescapes.co.uk/wp-content/uploads/2024/09/Sand-Dunes-Managers-Handbook_WEB.pdf" TargetMode="External"/><Relationship Id="rId20" Type="http://schemas.openxmlformats.org/officeDocument/2006/relationships/hyperlink" Target="https://view.officeapps.live.com/op/view.aspx?src=https%3A%2F%2Fs3.eu-west-1.amazonaws.com%2Fdata.defra.gov.uk%2FENCA%2FENCA_May%2B2024_Services_Databook_3.1%2BFinal.xlsm&amp;wdOrigin=BROWSELINK" TargetMode="External"/><Relationship Id="rId1" Type="http://schemas.openxmlformats.org/officeDocument/2006/relationships/hyperlink" Target="https://www.ciria.org/ItemDetail?iProductCode=C802F&amp;Category=FREEPUBS&amp;WebsiteKey=3f18c87a-d62b-4eca-8ef4-9b09309c1c91" TargetMode="External"/><Relationship Id="rId6" Type="http://schemas.openxmlformats.org/officeDocument/2006/relationships/hyperlink" Target="https://www.gov.uk/flood-and-coastal-erosion-risk-management-research-reports/coastal-nature-based-solutions-a-quick-scoping-review" TargetMode="External"/><Relationship Id="rId11" Type="http://schemas.openxmlformats.org/officeDocument/2006/relationships/hyperlink" Target="https://naturalresources.wales/flooding/managing-flood-risk/nature-based-solutions-for-coastal-management/?lang=en" TargetMode="External"/><Relationship Id="rId5" Type="http://schemas.openxmlformats.org/officeDocument/2006/relationships/hyperlink" Target="https://www.ciria.org/ItemDetail?iProductCode=C753F&amp;Category=FREEPUBS&amp;WebsiteKey=3f18c87a-d62b-4eca-8ef4-9b09309c1c91" TargetMode="External"/><Relationship Id="rId15" Type="http://schemas.openxmlformats.org/officeDocument/2006/relationships/hyperlink" Target="https://ecsa.international/rememare/tools-and-guidance" TargetMode="External"/><Relationship Id="rId10" Type="http://schemas.openxmlformats.org/officeDocument/2006/relationships/hyperlink" Target="https://randd.defra.gov.uk/ProjectDetails?ProjectId=18702" TargetMode="External"/><Relationship Id="rId19" Type="http://schemas.openxmlformats.org/officeDocument/2006/relationships/hyperlink" Target="https://assets.gov.ie/static/documents/integrated-constructed-wetlands-guidance-document-for-farmyard-soiled-water-and-domest.pdf" TargetMode="External"/><Relationship Id="rId4" Type="http://schemas.openxmlformats.org/officeDocument/2006/relationships/hyperlink" Target="https://repository.rothamsted.ac.uk/download/942687eab7ec4b83751c7e241d62f0fa8472d72adcd25a149bb891b7c30d55d0/1595300/MitigationMethods-UserGuideDecember2011FINAL.pdf" TargetMode="External"/><Relationship Id="rId9" Type="http://schemas.openxmlformats.org/officeDocument/2006/relationships/hyperlink" Target="https://www.gov.uk/government/publications/multiple-benefits-of-nature-based-solutions-an-evidence-synthesis" TargetMode="External"/><Relationship Id="rId14" Type="http://schemas.openxmlformats.org/officeDocument/2006/relationships/hyperlink" Target="https://www.water.org.uk/sites/default/files/wp/2019/02/SuDS-asset-register-and-mapping.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6BC7CC9-5CF0-4356-907E-CFC774F3381F}">
  <sheetPr codeName="Sheet2"/>
  <dimension ref="B2:O28"/>
  <sheetViews>
    <sheetView tabSelected="1" zoomScale="70" zoomScaleNormal="70" workbookViewId="0">
      <selection activeCell="C11" sqref="C11"/>
    </sheetView>
  </sheetViews>
  <sheetFormatPr defaultColWidth="8.625" defaultRowHeight="15"/>
  <cols>
    <col min="1" max="1" width="2.5" style="10" customWidth="1"/>
    <col min="2" max="2" width="21.5" style="10" customWidth="1"/>
    <col min="3" max="3" width="69" style="10" customWidth="1"/>
    <col min="4" max="4" width="22.25" style="10" customWidth="1"/>
    <col min="5" max="5" width="5.125" style="10" customWidth="1"/>
    <col min="6" max="6" width="8.625" style="10" customWidth="1"/>
    <col min="7" max="13" width="8.625" style="10"/>
    <col min="14" max="14" width="8.625" style="10" customWidth="1"/>
    <col min="15" max="16384" width="8.625" style="10"/>
  </cols>
  <sheetData>
    <row r="2" spans="2:15" ht="37.5">
      <c r="B2" s="164" t="s">
        <v>0</v>
      </c>
      <c r="C2" s="158"/>
      <c r="D2" s="158"/>
    </row>
    <row r="3" spans="2:15" ht="15" customHeight="1">
      <c r="B3" s="149" t="s">
        <v>1</v>
      </c>
      <c r="C3" s="151" t="s">
        <v>2</v>
      </c>
      <c r="D3" s="148"/>
    </row>
    <row r="4" spans="2:15" ht="15" customHeight="1">
      <c r="B4" s="149" t="s">
        <v>3</v>
      </c>
      <c r="C4" s="152" t="s">
        <v>4</v>
      </c>
      <c r="D4" s="148"/>
    </row>
    <row r="5" spans="2:15" ht="15" customHeight="1">
      <c r="B5" s="149" t="s">
        <v>5</v>
      </c>
      <c r="C5" s="152">
        <v>46164</v>
      </c>
      <c r="D5" s="148"/>
    </row>
    <row r="6" spans="2:15" ht="15" customHeight="1">
      <c r="B6" s="149" t="s">
        <v>6</v>
      </c>
      <c r="C6" s="153" t="s">
        <v>7</v>
      </c>
      <c r="D6" s="148"/>
    </row>
    <row r="7" spans="2:15" ht="22.7" customHeight="1">
      <c r="B7" s="148"/>
      <c r="C7" s="148"/>
      <c r="D7" s="148"/>
      <c r="F7" s="187"/>
      <c r="G7" s="188"/>
      <c r="H7" s="188"/>
      <c r="I7" s="188"/>
      <c r="J7" s="188"/>
      <c r="K7" s="188"/>
      <c r="L7" s="188"/>
      <c r="M7" s="188"/>
      <c r="N7" s="188"/>
      <c r="O7" s="155"/>
    </row>
    <row r="8" spans="2:15" ht="30.75" customHeight="1">
      <c r="B8" s="195" t="s">
        <v>8</v>
      </c>
      <c r="C8" s="195"/>
      <c r="D8" s="195"/>
      <c r="E8" s="154"/>
      <c r="F8" s="188"/>
      <c r="G8" s="188"/>
      <c r="H8" s="188"/>
      <c r="I8" s="188"/>
      <c r="J8" s="188"/>
      <c r="K8" s="188"/>
      <c r="L8" s="188"/>
      <c r="M8" s="188"/>
      <c r="N8" s="188"/>
      <c r="O8" s="155"/>
    </row>
    <row r="9" spans="2:15" ht="16.7" customHeight="1">
      <c r="B9" s="8"/>
      <c r="C9" s="8"/>
      <c r="D9" s="8"/>
      <c r="E9" s="154"/>
      <c r="F9" s="188"/>
      <c r="G9" s="188"/>
      <c r="H9" s="188"/>
      <c r="I9" s="188"/>
      <c r="J9" s="188"/>
      <c r="K9" s="188"/>
      <c r="L9" s="188"/>
      <c r="M9" s="188"/>
      <c r="N9" s="188"/>
      <c r="O9" s="155"/>
    </row>
    <row r="10" spans="2:15" ht="23.25">
      <c r="B10" s="165" t="s">
        <v>9</v>
      </c>
      <c r="F10" s="188"/>
      <c r="G10" s="188"/>
      <c r="H10" s="188"/>
      <c r="I10" s="188"/>
      <c r="J10" s="188"/>
      <c r="K10" s="188"/>
      <c r="L10" s="188"/>
      <c r="M10" s="188"/>
      <c r="N10" s="188"/>
      <c r="O10" s="155"/>
    </row>
    <row r="11" spans="2:15">
      <c r="F11" s="188"/>
      <c r="G11" s="188"/>
      <c r="H11" s="188"/>
      <c r="I11" s="188"/>
      <c r="J11" s="188"/>
      <c r="K11" s="188"/>
      <c r="L11" s="188"/>
      <c r="M11" s="188"/>
      <c r="N11" s="188"/>
      <c r="O11" s="155"/>
    </row>
    <row r="12" spans="2:15" ht="15.75">
      <c r="B12" s="13" t="s">
        <v>10</v>
      </c>
      <c r="C12" s="13" t="s">
        <v>11</v>
      </c>
      <c r="D12" s="8"/>
      <c r="F12" s="188"/>
      <c r="G12" s="188"/>
      <c r="H12" s="188"/>
      <c r="I12" s="188"/>
      <c r="J12" s="188"/>
      <c r="K12" s="188"/>
      <c r="L12" s="188"/>
      <c r="M12" s="188"/>
      <c r="N12" s="188"/>
      <c r="O12" s="155"/>
    </row>
    <row r="13" spans="2:15">
      <c r="B13" s="11">
        <v>45869</v>
      </c>
      <c r="C13" s="12" t="s">
        <v>12</v>
      </c>
      <c r="D13" s="8"/>
      <c r="F13" s="188"/>
      <c r="G13" s="188"/>
      <c r="H13" s="188"/>
      <c r="I13" s="188"/>
      <c r="J13" s="188"/>
      <c r="K13" s="188"/>
      <c r="L13" s="188"/>
      <c r="M13" s="188"/>
      <c r="N13" s="188"/>
      <c r="O13" s="155"/>
    </row>
    <row r="14" spans="2:15">
      <c r="B14" s="11">
        <v>46164</v>
      </c>
      <c r="C14" s="12" t="s">
        <v>13</v>
      </c>
      <c r="F14" s="188"/>
      <c r="G14" s="188"/>
      <c r="H14" s="188"/>
      <c r="I14" s="188"/>
      <c r="J14" s="188"/>
      <c r="K14" s="188"/>
      <c r="L14" s="188"/>
      <c r="M14" s="188"/>
      <c r="N14" s="188"/>
      <c r="O14" s="155"/>
    </row>
    <row r="15" spans="2:15" ht="25.7" customHeight="1">
      <c r="B15" s="165" t="s">
        <v>14</v>
      </c>
      <c r="F15" s="188"/>
      <c r="G15" s="188"/>
      <c r="H15" s="188"/>
      <c r="I15" s="188"/>
      <c r="J15" s="188"/>
      <c r="K15" s="188"/>
      <c r="L15" s="188"/>
      <c r="M15" s="188"/>
      <c r="N15" s="188"/>
      <c r="O15" s="155"/>
    </row>
    <row r="16" spans="2:15" ht="25.7" customHeight="1">
      <c r="B16" s="195" t="s">
        <v>15</v>
      </c>
      <c r="C16" s="195"/>
      <c r="D16" s="195"/>
      <c r="F16" s="188"/>
      <c r="G16" s="188"/>
      <c r="H16" s="188"/>
      <c r="I16" s="188"/>
      <c r="J16" s="188"/>
      <c r="K16" s="188"/>
      <c r="L16" s="188"/>
      <c r="M16" s="188"/>
      <c r="N16" s="188"/>
      <c r="O16" s="155"/>
    </row>
    <row r="17" spans="2:15" ht="25.7" customHeight="1">
      <c r="B17" s="195"/>
      <c r="C17" s="195"/>
      <c r="D17" s="195"/>
      <c r="F17" s="188"/>
      <c r="G17" s="188"/>
      <c r="H17" s="188"/>
      <c r="I17" s="188"/>
      <c r="J17" s="188"/>
      <c r="K17" s="188"/>
      <c r="L17" s="188"/>
      <c r="M17" s="188"/>
      <c r="N17" s="188"/>
      <c r="O17" s="155"/>
    </row>
    <row r="18" spans="2:15" ht="25.7" customHeight="1">
      <c r="B18" s="195"/>
      <c r="C18" s="195"/>
      <c r="D18" s="195"/>
      <c r="F18" s="188"/>
      <c r="G18" s="188"/>
      <c r="H18" s="188"/>
      <c r="I18" s="188"/>
      <c r="J18" s="188"/>
      <c r="K18" s="188"/>
      <c r="L18" s="188"/>
      <c r="M18" s="188"/>
      <c r="N18" s="188"/>
      <c r="O18" s="155"/>
    </row>
    <row r="19" spans="2:15" ht="25.7" customHeight="1">
      <c r="B19" s="195"/>
      <c r="C19" s="195"/>
      <c r="D19" s="195"/>
      <c r="F19" s="188"/>
      <c r="G19" s="188"/>
      <c r="H19" s="188"/>
      <c r="I19" s="188"/>
      <c r="J19" s="188"/>
      <c r="K19" s="188"/>
      <c r="L19" s="188"/>
      <c r="M19" s="188"/>
      <c r="N19" s="188"/>
      <c r="O19" s="155"/>
    </row>
    <row r="20" spans="2:15" ht="25.7" customHeight="1">
      <c r="B20" s="165" t="s">
        <v>16</v>
      </c>
      <c r="C20" s="8"/>
      <c r="F20" s="188"/>
      <c r="G20" s="188"/>
      <c r="H20" s="188"/>
      <c r="I20" s="188"/>
      <c r="J20" s="188"/>
      <c r="K20" s="188"/>
      <c r="L20" s="188"/>
      <c r="M20" s="188"/>
      <c r="N20" s="188"/>
      <c r="O20" s="155"/>
    </row>
    <row r="21" spans="2:15" ht="18.75" customHeight="1">
      <c r="B21" s="198" t="s">
        <v>17</v>
      </c>
      <c r="C21" s="199"/>
      <c r="D21" s="199"/>
      <c r="F21" s="188"/>
      <c r="G21" s="188"/>
      <c r="H21" s="188"/>
      <c r="I21" s="188"/>
      <c r="J21" s="188"/>
      <c r="K21" s="188"/>
      <c r="L21" s="188"/>
      <c r="M21" s="188"/>
      <c r="N21" s="188"/>
      <c r="O21" s="155"/>
    </row>
    <row r="22" spans="2:15" ht="38.25" customHeight="1">
      <c r="B22" s="199"/>
      <c r="C22" s="199"/>
      <c r="D22" s="199"/>
      <c r="F22" s="188"/>
      <c r="G22" s="188"/>
      <c r="H22" s="188"/>
      <c r="I22" s="188"/>
      <c r="J22" s="188"/>
      <c r="K22" s="188"/>
      <c r="L22" s="188"/>
      <c r="M22" s="188"/>
      <c r="N22" s="188"/>
      <c r="O22" s="155"/>
    </row>
    <row r="23" spans="2:15" ht="18" customHeight="1">
      <c r="B23" s="199"/>
      <c r="C23" s="199"/>
      <c r="D23" s="199"/>
      <c r="F23" s="188"/>
      <c r="G23" s="188"/>
      <c r="H23" s="188"/>
      <c r="I23" s="188"/>
      <c r="J23" s="188"/>
      <c r="K23" s="188"/>
      <c r="L23" s="188"/>
      <c r="M23" s="188"/>
      <c r="N23" s="188"/>
      <c r="O23" s="155"/>
    </row>
    <row r="24" spans="2:15" ht="27.75" customHeight="1">
      <c r="B24" s="197" t="s">
        <v>18</v>
      </c>
      <c r="C24" s="197"/>
      <c r="D24" s="197"/>
      <c r="F24" s="188"/>
      <c r="G24" s="188"/>
      <c r="H24" s="188"/>
      <c r="I24" s="188"/>
      <c r="J24" s="188"/>
      <c r="K24" s="188"/>
      <c r="L24" s="188"/>
      <c r="M24" s="188"/>
      <c r="N24" s="188"/>
      <c r="O24" s="155"/>
    </row>
    <row r="25" spans="2:15" ht="20.45" customHeight="1">
      <c r="B25" s="195" t="s">
        <v>19</v>
      </c>
      <c r="C25" s="196"/>
      <c r="D25" s="8"/>
      <c r="F25" s="194"/>
      <c r="G25" s="194"/>
      <c r="H25" s="194"/>
      <c r="I25" s="194"/>
      <c r="J25" s="167"/>
      <c r="L25" s="155"/>
      <c r="N25" s="155"/>
      <c r="O25" s="155"/>
    </row>
    <row r="26" spans="2:15" ht="305.25" customHeight="1">
      <c r="B26" s="196"/>
      <c r="C26" s="196"/>
      <c r="D26" s="8"/>
      <c r="F26" s="157"/>
      <c r="G26" s="157"/>
      <c r="H26" s="157"/>
      <c r="I26" s="157"/>
      <c r="J26" s="156"/>
      <c r="L26" s="155"/>
      <c r="N26" s="155"/>
      <c r="O26" s="155"/>
    </row>
    <row r="27" spans="2:15" ht="23.25">
      <c r="B27" s="197"/>
      <c r="C27" s="197"/>
      <c r="D27" s="197"/>
    </row>
    <row r="28" spans="2:15" ht="85.35" customHeight="1">
      <c r="B28" s="195"/>
      <c r="C28" s="195"/>
      <c r="D28" s="195"/>
    </row>
  </sheetData>
  <mergeCells count="8">
    <mergeCell ref="B8:D8"/>
    <mergeCell ref="B16:D19"/>
    <mergeCell ref="B21:D23"/>
    <mergeCell ref="F25:I25"/>
    <mergeCell ref="B25:C26"/>
    <mergeCell ref="B27:D27"/>
    <mergeCell ref="B28:D28"/>
    <mergeCell ref="B24:D24"/>
  </mergeCells>
  <pageMargins left="0.7" right="0.7" top="0.75" bottom="0.75" header="0.3" footer="0.3"/>
  <pageSetup paperSize="9" orientation="portrait" r:id="rId1"/>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codeName="Sheet3"/>
  <dimension ref="A1:AL296"/>
  <sheetViews>
    <sheetView zoomScale="65" zoomScaleNormal="100" workbookViewId="0">
      <pane xSplit="4" ySplit="6" topLeftCell="E7" activePane="bottomRight" state="frozen"/>
      <selection pane="bottomRight" activeCell="K7" sqref="K7"/>
      <selection pane="bottomLeft" activeCell="B25" sqref="B25:C26"/>
      <selection pane="topRight" activeCell="B25" sqref="B25:C26"/>
    </sheetView>
  </sheetViews>
  <sheetFormatPr defaultColWidth="8.625" defaultRowHeight="15.75" customHeight="1"/>
  <cols>
    <col min="1" max="1" width="4.5" style="6" customWidth="1"/>
    <col min="2" max="2" width="22.75" style="1" customWidth="1"/>
    <col min="3" max="3" width="23.75" style="116" customWidth="1"/>
    <col min="4" max="4" width="32.125" style="116" customWidth="1"/>
    <col min="5" max="5" width="69.625" style="117" customWidth="1"/>
    <col min="6" max="6" width="10.625" style="118" customWidth="1"/>
    <col min="7" max="7" width="12.125" style="118" customWidth="1"/>
    <col min="8" max="8" width="14.375" style="118" customWidth="1"/>
    <col min="9" max="9" width="37.375" style="118" customWidth="1"/>
    <col min="10" max="10" width="9.875" style="18" customWidth="1"/>
    <col min="11" max="11" width="25.625" style="18" customWidth="1"/>
    <col min="12" max="28" width="10.625" style="18" customWidth="1"/>
    <col min="29" max="34" width="7.375" style="18" bestFit="1" customWidth="1"/>
    <col min="35" max="35" width="10" style="18" bestFit="1" customWidth="1"/>
    <col min="36" max="38" width="8.625" style="18"/>
    <col min="39" max="16384" width="8.625" style="6"/>
  </cols>
  <sheetData>
    <row r="1" spans="1:38" ht="27">
      <c r="B1" s="164" t="s">
        <v>0</v>
      </c>
      <c r="C1" s="14"/>
      <c r="D1" s="14"/>
      <c r="E1" s="15"/>
      <c r="F1" s="16"/>
      <c r="G1" s="16"/>
      <c r="H1" s="16"/>
      <c r="I1" s="16"/>
      <c r="J1" s="6"/>
    </row>
    <row r="2" spans="1:38" ht="63.75" customHeight="1">
      <c r="B2" s="201" t="s">
        <v>20</v>
      </c>
      <c r="C2" s="202"/>
      <c r="D2" s="203"/>
      <c r="E2" s="17"/>
      <c r="F2" s="17"/>
      <c r="G2" s="17"/>
      <c r="H2" s="17"/>
      <c r="I2" s="17"/>
      <c r="J2" s="6"/>
    </row>
    <row r="3" spans="1:38">
      <c r="B3" s="2"/>
      <c r="C3" s="19"/>
      <c r="D3" s="19"/>
      <c r="E3" s="15"/>
      <c r="F3" s="16"/>
      <c r="G3" s="16"/>
      <c r="H3" s="16"/>
      <c r="I3" s="16"/>
      <c r="J3" s="6"/>
      <c r="L3" s="179"/>
      <c r="M3" s="179"/>
      <c r="N3" s="179"/>
      <c r="O3" s="179"/>
      <c r="P3" s="179"/>
      <c r="Q3" s="179"/>
      <c r="R3" s="179"/>
      <c r="S3" s="179"/>
      <c r="T3" s="179"/>
      <c r="U3" s="179"/>
      <c r="V3" s="179"/>
      <c r="W3" s="179"/>
      <c r="X3" s="179"/>
      <c r="Y3" s="179"/>
      <c r="Z3" s="179"/>
      <c r="AA3" s="179"/>
      <c r="AB3" s="179"/>
      <c r="AC3" s="179"/>
      <c r="AD3" s="179"/>
      <c r="AE3" s="179"/>
      <c r="AF3" s="179"/>
      <c r="AG3" s="179"/>
      <c r="AH3" s="179"/>
      <c r="AI3" s="179"/>
    </row>
    <row r="4" spans="1:38" ht="15.6" customHeight="1">
      <c r="B4" s="204" t="s">
        <v>21</v>
      </c>
      <c r="C4" s="205"/>
      <c r="D4" s="206"/>
      <c r="E4" s="210" t="s">
        <v>22</v>
      </c>
      <c r="F4" s="211"/>
      <c r="G4" s="211"/>
      <c r="H4" s="211"/>
      <c r="I4" s="212"/>
      <c r="J4" s="216"/>
      <c r="K4" s="200"/>
      <c r="L4" s="218"/>
      <c r="M4" s="218"/>
      <c r="N4" s="218"/>
      <c r="O4" s="218"/>
      <c r="P4" s="218"/>
      <c r="Q4" s="218"/>
      <c r="R4" s="218"/>
      <c r="S4" s="218"/>
      <c r="T4" s="218"/>
      <c r="U4" s="218"/>
      <c r="V4" s="218"/>
      <c r="W4" s="218"/>
      <c r="X4" s="218"/>
      <c r="Y4" s="218"/>
      <c r="Z4" s="218"/>
      <c r="AA4" s="218"/>
      <c r="AB4" s="218"/>
      <c r="AC4" s="218"/>
      <c r="AD4" s="218"/>
      <c r="AE4" s="218"/>
      <c r="AF4" s="218"/>
      <c r="AG4" s="218"/>
      <c r="AH4" s="218"/>
      <c r="AI4" s="218"/>
    </row>
    <row r="5" spans="1:38" s="2" customFormat="1" ht="32.25" customHeight="1">
      <c r="B5" s="207"/>
      <c r="C5" s="208"/>
      <c r="D5" s="209"/>
      <c r="E5" s="213"/>
      <c r="F5" s="214"/>
      <c r="G5" s="214"/>
      <c r="H5" s="214"/>
      <c r="I5" s="215"/>
      <c r="J5" s="217"/>
      <c r="K5" s="200"/>
      <c r="L5" s="219"/>
      <c r="M5" s="219"/>
      <c r="N5" s="219"/>
      <c r="O5" s="219"/>
      <c r="P5" s="219"/>
      <c r="Q5" s="219"/>
      <c r="R5" s="219"/>
      <c r="S5" s="219"/>
      <c r="T5" s="219"/>
      <c r="U5" s="219"/>
      <c r="V5" s="219"/>
      <c r="W5" s="219"/>
      <c r="X5" s="219"/>
      <c r="Y5" s="219"/>
      <c r="Z5" s="219"/>
      <c r="AA5" s="219"/>
      <c r="AB5" s="219"/>
      <c r="AC5" s="219"/>
      <c r="AD5" s="219"/>
      <c r="AE5" s="219"/>
      <c r="AF5" s="219"/>
      <c r="AG5" s="219"/>
      <c r="AH5" s="219"/>
      <c r="AI5" s="219"/>
      <c r="AJ5" s="1"/>
      <c r="AK5" s="1"/>
      <c r="AL5" s="1"/>
    </row>
    <row r="6" spans="1:38" s="2" customFormat="1" ht="80.45" customHeight="1">
      <c r="A6" s="4"/>
      <c r="B6" s="3" t="s">
        <v>23</v>
      </c>
      <c r="C6" s="3" t="s">
        <v>24</v>
      </c>
      <c r="D6" s="3" t="s">
        <v>25</v>
      </c>
      <c r="E6" s="3" t="s">
        <v>26</v>
      </c>
      <c r="F6" s="3" t="s">
        <v>27</v>
      </c>
      <c r="G6" s="3" t="s">
        <v>28</v>
      </c>
      <c r="H6" s="3" t="s">
        <v>29</v>
      </c>
      <c r="I6" s="3" t="s">
        <v>30</v>
      </c>
      <c r="J6" s="175" t="s">
        <v>31</v>
      </c>
      <c r="K6" s="180"/>
      <c r="L6" s="180"/>
      <c r="M6" s="180"/>
      <c r="N6" s="180"/>
      <c r="O6" s="180"/>
      <c r="P6" s="180"/>
      <c r="Q6" s="180"/>
      <c r="R6" s="180"/>
      <c r="S6" s="180"/>
      <c r="T6" s="180"/>
      <c r="U6" s="180"/>
      <c r="V6" s="180"/>
      <c r="W6" s="180"/>
      <c r="X6" s="180"/>
      <c r="Y6" s="180"/>
      <c r="Z6" s="180"/>
      <c r="AA6" s="180"/>
      <c r="AB6" s="180"/>
      <c r="AC6" s="180"/>
      <c r="AD6" s="180"/>
      <c r="AE6" s="180"/>
      <c r="AF6" s="180"/>
      <c r="AG6" s="180"/>
      <c r="AH6" s="180"/>
      <c r="AI6" s="180"/>
      <c r="AJ6" s="1"/>
      <c r="AK6" s="1"/>
      <c r="AL6" s="1"/>
    </row>
    <row r="7" spans="1:38" ht="105">
      <c r="A7" s="20"/>
      <c r="B7" s="21" t="s">
        <v>32</v>
      </c>
      <c r="C7" s="22" t="s">
        <v>33</v>
      </c>
      <c r="D7" s="22" t="s">
        <v>34</v>
      </c>
      <c r="E7" s="23" t="s">
        <v>35</v>
      </c>
      <c r="F7" s="22" t="s">
        <v>36</v>
      </c>
      <c r="G7" s="22" t="s">
        <v>37</v>
      </c>
      <c r="H7" s="24" t="s">
        <v>38</v>
      </c>
      <c r="I7" s="24" t="s">
        <v>39</v>
      </c>
      <c r="J7" s="176">
        <v>10</v>
      </c>
      <c r="K7" s="116"/>
      <c r="L7" s="181"/>
      <c r="M7" s="181"/>
      <c r="N7" s="181"/>
      <c r="O7" s="181"/>
      <c r="P7" s="181"/>
      <c r="Q7" s="181"/>
      <c r="R7" s="181"/>
      <c r="S7" s="181"/>
      <c r="T7" s="181"/>
      <c r="U7" s="181"/>
      <c r="V7" s="181"/>
      <c r="W7" s="181"/>
      <c r="X7" s="181"/>
      <c r="Y7" s="181"/>
      <c r="Z7" s="181"/>
      <c r="AA7" s="181"/>
      <c r="AB7" s="181"/>
      <c r="AC7" s="181"/>
      <c r="AD7" s="181"/>
      <c r="AE7" s="181"/>
      <c r="AF7" s="181"/>
      <c r="AG7" s="181"/>
      <c r="AH7" s="181"/>
      <c r="AI7" s="181"/>
    </row>
    <row r="8" spans="1:38" ht="165">
      <c r="A8" s="20"/>
      <c r="B8" s="26" t="s">
        <v>32</v>
      </c>
      <c r="C8" s="22" t="s">
        <v>33</v>
      </c>
      <c r="D8" s="22" t="s">
        <v>40</v>
      </c>
      <c r="E8" s="23" t="s">
        <v>41</v>
      </c>
      <c r="F8" s="22" t="s">
        <v>36</v>
      </c>
      <c r="G8" s="22" t="s">
        <v>37</v>
      </c>
      <c r="H8" s="24" t="s">
        <v>38</v>
      </c>
      <c r="I8" s="24" t="s">
        <v>39</v>
      </c>
      <c r="J8" s="176" t="s">
        <v>42</v>
      </c>
      <c r="K8" s="116"/>
      <c r="L8" s="181"/>
      <c r="M8" s="181"/>
      <c r="N8" s="181"/>
      <c r="O8" s="181"/>
      <c r="P8" s="181"/>
      <c r="Q8" s="181"/>
      <c r="R8" s="181"/>
      <c r="S8" s="181"/>
      <c r="T8" s="181"/>
      <c r="U8" s="181"/>
      <c r="V8" s="181"/>
      <c r="W8" s="181"/>
      <c r="X8" s="181"/>
      <c r="Y8" s="181"/>
      <c r="Z8" s="181"/>
      <c r="AA8" s="181"/>
      <c r="AB8" s="181"/>
      <c r="AC8" s="181"/>
      <c r="AD8" s="181"/>
      <c r="AE8" s="181"/>
      <c r="AF8" s="181"/>
      <c r="AG8" s="181"/>
      <c r="AH8" s="181"/>
      <c r="AI8" s="181"/>
    </row>
    <row r="9" spans="1:38" ht="105">
      <c r="A9" s="20"/>
      <c r="B9" s="27" t="s">
        <v>32</v>
      </c>
      <c r="C9" s="22" t="s">
        <v>43</v>
      </c>
      <c r="D9" s="22" t="s">
        <v>44</v>
      </c>
      <c r="E9" s="174" t="s">
        <v>45</v>
      </c>
      <c r="F9" s="22" t="s">
        <v>36</v>
      </c>
      <c r="G9" s="22" t="s">
        <v>37</v>
      </c>
      <c r="H9" s="24" t="s">
        <v>38</v>
      </c>
      <c r="I9" s="24" t="s">
        <v>46</v>
      </c>
      <c r="J9" s="176">
        <v>10</v>
      </c>
      <c r="K9" s="116"/>
      <c r="L9" s="181"/>
      <c r="M9" s="181"/>
      <c r="N9" s="181"/>
      <c r="O9" s="181"/>
      <c r="P9" s="181"/>
      <c r="Q9" s="181"/>
      <c r="R9" s="181"/>
      <c r="S9" s="181"/>
      <c r="T9" s="181"/>
      <c r="U9" s="181"/>
      <c r="V9" s="181"/>
      <c r="W9" s="181"/>
      <c r="X9" s="181"/>
      <c r="Y9" s="181"/>
      <c r="Z9" s="181"/>
      <c r="AA9" s="181"/>
      <c r="AB9" s="181"/>
      <c r="AC9" s="181"/>
      <c r="AD9" s="181"/>
      <c r="AE9" s="181"/>
      <c r="AF9" s="181"/>
      <c r="AG9" s="181"/>
      <c r="AH9" s="181"/>
      <c r="AI9" s="181"/>
    </row>
    <row r="10" spans="1:38" ht="180">
      <c r="A10" s="20"/>
      <c r="B10" s="21" t="s">
        <v>32</v>
      </c>
      <c r="C10" s="22" t="s">
        <v>43</v>
      </c>
      <c r="D10" s="22" t="s">
        <v>47</v>
      </c>
      <c r="E10" s="174" t="s">
        <v>48</v>
      </c>
      <c r="F10" s="22" t="s">
        <v>36</v>
      </c>
      <c r="G10" s="22" t="s">
        <v>37</v>
      </c>
      <c r="H10" s="24" t="s">
        <v>38</v>
      </c>
      <c r="I10" s="24" t="s">
        <v>46</v>
      </c>
      <c r="J10" s="176" t="s">
        <v>49</v>
      </c>
      <c r="K10" s="116"/>
      <c r="L10" s="181"/>
      <c r="M10" s="181"/>
      <c r="N10" s="181"/>
      <c r="O10" s="181"/>
      <c r="P10" s="181"/>
      <c r="Q10" s="181"/>
      <c r="R10" s="181"/>
      <c r="S10" s="181"/>
      <c r="T10" s="181"/>
      <c r="U10" s="181"/>
      <c r="V10" s="181"/>
      <c r="W10" s="181"/>
      <c r="X10" s="181"/>
      <c r="Y10" s="181"/>
      <c r="Z10" s="181"/>
      <c r="AA10" s="181"/>
      <c r="AB10" s="181"/>
      <c r="AC10" s="181"/>
      <c r="AD10" s="181"/>
      <c r="AE10" s="181"/>
      <c r="AF10" s="181"/>
      <c r="AG10" s="181"/>
      <c r="AH10" s="181"/>
      <c r="AI10" s="181"/>
    </row>
    <row r="11" spans="1:38" ht="75">
      <c r="A11" s="20"/>
      <c r="B11" s="21" t="s">
        <v>32</v>
      </c>
      <c r="C11" s="22" t="s">
        <v>43</v>
      </c>
      <c r="D11" s="22" t="s">
        <v>50</v>
      </c>
      <c r="E11" s="174" t="s">
        <v>51</v>
      </c>
      <c r="F11" s="22" t="s">
        <v>36</v>
      </c>
      <c r="G11" s="22" t="s">
        <v>37</v>
      </c>
      <c r="H11" s="24" t="s">
        <v>38</v>
      </c>
      <c r="I11" s="24" t="s">
        <v>46</v>
      </c>
      <c r="J11" s="176">
        <v>10</v>
      </c>
      <c r="K11" s="116"/>
      <c r="L11" s="181"/>
      <c r="M11" s="181"/>
      <c r="N11" s="181"/>
      <c r="O11" s="181"/>
      <c r="P11" s="181"/>
      <c r="Q11" s="181"/>
      <c r="R11" s="181"/>
      <c r="S11" s="181"/>
      <c r="T11" s="181"/>
      <c r="U11" s="181"/>
      <c r="V11" s="181"/>
      <c r="W11" s="181"/>
      <c r="X11" s="181"/>
      <c r="Y11" s="181"/>
      <c r="Z11" s="181"/>
      <c r="AA11" s="181"/>
      <c r="AB11" s="181"/>
      <c r="AC11" s="181"/>
      <c r="AD11" s="181"/>
      <c r="AE11" s="181"/>
      <c r="AF11" s="181"/>
      <c r="AG11" s="181"/>
      <c r="AH11" s="181"/>
      <c r="AI11" s="181"/>
    </row>
    <row r="12" spans="1:38" ht="150">
      <c r="A12" s="20"/>
      <c r="B12" s="21" t="s">
        <v>32</v>
      </c>
      <c r="C12" s="22" t="s">
        <v>52</v>
      </c>
      <c r="D12" s="22" t="s">
        <v>53</v>
      </c>
      <c r="E12" s="174" t="s">
        <v>54</v>
      </c>
      <c r="F12" s="22" t="s">
        <v>36</v>
      </c>
      <c r="G12" s="22" t="s">
        <v>37</v>
      </c>
      <c r="H12" s="24" t="s">
        <v>38</v>
      </c>
      <c r="I12" s="24" t="s">
        <v>55</v>
      </c>
      <c r="J12" s="176">
        <v>10</v>
      </c>
      <c r="K12" s="116"/>
      <c r="L12" s="181"/>
      <c r="M12" s="181"/>
      <c r="N12" s="181"/>
      <c r="O12" s="181"/>
      <c r="P12" s="181"/>
      <c r="Q12" s="181"/>
      <c r="R12" s="181"/>
      <c r="S12" s="181"/>
      <c r="T12" s="181"/>
      <c r="U12" s="181"/>
      <c r="V12" s="181"/>
      <c r="W12" s="181"/>
      <c r="X12" s="181"/>
      <c r="Y12" s="181"/>
      <c r="Z12" s="181"/>
      <c r="AA12" s="181"/>
      <c r="AB12" s="181"/>
      <c r="AC12" s="181"/>
      <c r="AD12" s="181"/>
      <c r="AE12" s="181"/>
      <c r="AF12" s="181"/>
      <c r="AG12" s="181"/>
      <c r="AH12" s="181"/>
      <c r="AI12" s="181"/>
    </row>
    <row r="13" spans="1:38" ht="60">
      <c r="A13" s="20"/>
      <c r="B13" s="21" t="s">
        <v>32</v>
      </c>
      <c r="C13" s="22" t="s">
        <v>52</v>
      </c>
      <c r="D13" s="22" t="s">
        <v>56</v>
      </c>
      <c r="E13" s="23" t="s">
        <v>57</v>
      </c>
      <c r="F13" s="22" t="s">
        <v>36</v>
      </c>
      <c r="G13" s="22" t="s">
        <v>37</v>
      </c>
      <c r="H13" s="24" t="s">
        <v>38</v>
      </c>
      <c r="I13" s="24" t="s">
        <v>58</v>
      </c>
      <c r="J13" s="176">
        <v>13</v>
      </c>
      <c r="K13" s="116"/>
      <c r="L13" s="181"/>
      <c r="M13" s="181"/>
      <c r="N13" s="181"/>
      <c r="O13" s="181"/>
      <c r="P13" s="181"/>
      <c r="Q13" s="181"/>
      <c r="R13" s="181"/>
      <c r="S13" s="181"/>
      <c r="T13" s="181"/>
      <c r="U13" s="181"/>
      <c r="V13" s="181"/>
      <c r="W13" s="181"/>
      <c r="X13" s="181"/>
      <c r="Y13" s="181"/>
      <c r="Z13" s="181"/>
      <c r="AA13" s="181"/>
      <c r="AB13" s="181"/>
      <c r="AC13" s="181"/>
      <c r="AD13" s="181"/>
      <c r="AE13" s="181"/>
      <c r="AF13" s="181"/>
      <c r="AG13" s="181"/>
      <c r="AH13" s="181"/>
      <c r="AI13" s="181"/>
    </row>
    <row r="14" spans="1:38" ht="60">
      <c r="A14" s="20"/>
      <c r="B14" s="21" t="s">
        <v>32</v>
      </c>
      <c r="C14" s="22" t="s">
        <v>59</v>
      </c>
      <c r="D14" s="22" t="s">
        <v>59</v>
      </c>
      <c r="E14" s="23" t="s">
        <v>60</v>
      </c>
      <c r="F14" s="22" t="s">
        <v>36</v>
      </c>
      <c r="G14" s="22" t="s">
        <v>37</v>
      </c>
      <c r="H14" s="24" t="s">
        <v>38</v>
      </c>
      <c r="I14" s="24" t="s">
        <v>61</v>
      </c>
      <c r="J14" s="176"/>
      <c r="K14" s="116"/>
      <c r="L14" s="181"/>
      <c r="M14" s="181"/>
      <c r="N14" s="181"/>
      <c r="O14" s="181"/>
      <c r="P14" s="181"/>
      <c r="Q14" s="181"/>
      <c r="R14" s="181"/>
      <c r="S14" s="181"/>
      <c r="T14" s="181"/>
      <c r="U14" s="181"/>
      <c r="V14" s="181"/>
      <c r="W14" s="181"/>
      <c r="X14" s="181"/>
      <c r="Y14" s="181"/>
      <c r="Z14" s="181"/>
      <c r="AA14" s="181"/>
      <c r="AB14" s="181"/>
      <c r="AC14" s="181"/>
      <c r="AD14" s="181"/>
      <c r="AE14" s="181"/>
      <c r="AF14" s="181"/>
      <c r="AG14" s="181"/>
      <c r="AH14" s="181"/>
      <c r="AI14" s="181"/>
    </row>
    <row r="15" spans="1:38" ht="90">
      <c r="A15" s="20"/>
      <c r="B15" s="28" t="s">
        <v>62</v>
      </c>
      <c r="C15" s="29" t="s">
        <v>63</v>
      </c>
      <c r="D15" s="29" t="s">
        <v>64</v>
      </c>
      <c r="E15" s="30" t="s">
        <v>65</v>
      </c>
      <c r="F15" s="29" t="s">
        <v>36</v>
      </c>
      <c r="G15" s="29" t="s">
        <v>66</v>
      </c>
      <c r="H15" s="31" t="s">
        <v>38</v>
      </c>
      <c r="I15" s="31" t="s">
        <v>67</v>
      </c>
      <c r="J15" s="176" t="s">
        <v>68</v>
      </c>
      <c r="K15" s="116"/>
      <c r="L15" s="181"/>
      <c r="M15" s="181"/>
      <c r="N15" s="181"/>
      <c r="O15" s="181"/>
      <c r="P15" s="181"/>
      <c r="Q15" s="181"/>
      <c r="R15" s="181"/>
      <c r="S15" s="181"/>
      <c r="T15" s="181"/>
      <c r="U15" s="181"/>
      <c r="V15" s="181"/>
      <c r="W15" s="181"/>
      <c r="X15" s="181"/>
      <c r="Y15" s="181"/>
      <c r="Z15" s="181"/>
      <c r="AA15" s="181"/>
      <c r="AB15" s="181"/>
      <c r="AC15" s="181"/>
      <c r="AD15" s="181"/>
      <c r="AE15" s="181"/>
      <c r="AF15" s="181"/>
      <c r="AG15" s="181"/>
      <c r="AH15" s="181"/>
      <c r="AI15" s="181"/>
    </row>
    <row r="16" spans="1:38" ht="45">
      <c r="A16" s="20"/>
      <c r="B16" s="28" t="s">
        <v>62</v>
      </c>
      <c r="C16" s="29" t="s">
        <v>63</v>
      </c>
      <c r="D16" s="29" t="s">
        <v>69</v>
      </c>
      <c r="E16" s="30" t="s">
        <v>70</v>
      </c>
      <c r="F16" s="29" t="s">
        <v>36</v>
      </c>
      <c r="G16" s="29" t="s">
        <v>66</v>
      </c>
      <c r="H16" s="31" t="s">
        <v>38</v>
      </c>
      <c r="I16" s="31" t="s">
        <v>71</v>
      </c>
      <c r="J16" s="176" t="s">
        <v>72</v>
      </c>
      <c r="K16" s="116"/>
      <c r="L16" s="181"/>
      <c r="M16" s="181"/>
      <c r="N16" s="181"/>
      <c r="O16" s="181"/>
      <c r="P16" s="181"/>
      <c r="Q16" s="181"/>
      <c r="R16" s="181"/>
      <c r="S16" s="181"/>
      <c r="T16" s="181"/>
      <c r="U16" s="181"/>
      <c r="V16" s="181"/>
      <c r="W16" s="181"/>
      <c r="X16" s="181"/>
      <c r="Y16" s="181"/>
      <c r="Z16" s="181"/>
      <c r="AA16" s="181"/>
      <c r="AB16" s="181"/>
      <c r="AC16" s="181"/>
      <c r="AD16" s="181"/>
      <c r="AE16" s="181"/>
      <c r="AF16" s="181"/>
      <c r="AG16" s="181"/>
      <c r="AH16" s="181"/>
      <c r="AI16" s="181"/>
    </row>
    <row r="17" spans="1:38" ht="60">
      <c r="A17" s="20"/>
      <c r="B17" s="28" t="s">
        <v>62</v>
      </c>
      <c r="C17" s="29" t="s">
        <v>63</v>
      </c>
      <c r="D17" s="29" t="s">
        <v>73</v>
      </c>
      <c r="E17" s="30" t="s">
        <v>74</v>
      </c>
      <c r="F17" s="29" t="s">
        <v>75</v>
      </c>
      <c r="G17" s="29" t="s">
        <v>66</v>
      </c>
      <c r="H17" s="31" t="s">
        <v>38</v>
      </c>
      <c r="I17" s="31" t="s">
        <v>76</v>
      </c>
      <c r="J17" s="176" t="s">
        <v>77</v>
      </c>
      <c r="K17" s="116"/>
      <c r="L17" s="181"/>
      <c r="M17" s="181"/>
      <c r="N17" s="181"/>
      <c r="O17" s="181"/>
      <c r="P17" s="181"/>
      <c r="Q17" s="181"/>
      <c r="R17" s="181"/>
      <c r="S17" s="181"/>
      <c r="T17" s="181"/>
      <c r="U17" s="181"/>
      <c r="V17" s="181"/>
      <c r="W17" s="181"/>
      <c r="X17" s="181"/>
      <c r="Y17" s="181"/>
      <c r="Z17" s="181"/>
      <c r="AA17" s="181"/>
      <c r="AB17" s="181"/>
      <c r="AC17" s="181"/>
      <c r="AD17" s="181"/>
      <c r="AE17" s="181"/>
      <c r="AF17" s="181"/>
      <c r="AG17" s="181"/>
      <c r="AH17" s="181"/>
      <c r="AI17" s="181"/>
    </row>
    <row r="18" spans="1:38" ht="75">
      <c r="A18" s="20"/>
      <c r="B18" s="28" t="s">
        <v>62</v>
      </c>
      <c r="C18" s="32" t="s">
        <v>63</v>
      </c>
      <c r="D18" s="29" t="s">
        <v>78</v>
      </c>
      <c r="E18" s="30" t="s">
        <v>79</v>
      </c>
      <c r="F18" s="29" t="s">
        <v>36</v>
      </c>
      <c r="G18" s="29" t="s">
        <v>66</v>
      </c>
      <c r="H18" s="31" t="s">
        <v>38</v>
      </c>
      <c r="I18" s="31" t="s">
        <v>80</v>
      </c>
      <c r="J18" s="176">
        <v>2</v>
      </c>
      <c r="K18" s="116"/>
      <c r="L18" s="181"/>
      <c r="M18" s="181"/>
      <c r="N18" s="181"/>
      <c r="O18" s="181"/>
      <c r="P18" s="181"/>
      <c r="Q18" s="181"/>
      <c r="R18" s="181"/>
      <c r="S18" s="181"/>
      <c r="T18" s="181"/>
      <c r="U18" s="181"/>
      <c r="V18" s="181"/>
      <c r="W18" s="181"/>
      <c r="X18" s="181"/>
      <c r="Y18" s="181"/>
      <c r="Z18" s="181"/>
      <c r="AA18" s="181"/>
      <c r="AB18" s="181"/>
      <c r="AC18" s="181"/>
      <c r="AD18" s="181"/>
      <c r="AE18" s="181"/>
      <c r="AF18" s="181"/>
      <c r="AG18" s="181"/>
      <c r="AH18" s="181"/>
      <c r="AI18" s="181"/>
    </row>
    <row r="19" spans="1:38" s="35" customFormat="1" ht="90">
      <c r="A19" s="33"/>
      <c r="B19" s="28" t="s">
        <v>62</v>
      </c>
      <c r="C19" s="32" t="s">
        <v>63</v>
      </c>
      <c r="D19" s="32" t="s">
        <v>81</v>
      </c>
      <c r="E19" s="34" t="s">
        <v>82</v>
      </c>
      <c r="F19" s="32" t="s">
        <v>75</v>
      </c>
      <c r="G19" s="32" t="s">
        <v>66</v>
      </c>
      <c r="H19" s="159" t="s">
        <v>38</v>
      </c>
      <c r="I19" s="31" t="s">
        <v>76</v>
      </c>
      <c r="J19" s="176" t="s">
        <v>83</v>
      </c>
      <c r="K19" s="182"/>
      <c r="L19" s="181"/>
      <c r="M19" s="181"/>
      <c r="N19" s="181"/>
      <c r="O19" s="181"/>
      <c r="P19" s="181"/>
      <c r="Q19" s="181"/>
      <c r="R19" s="181"/>
      <c r="S19" s="181"/>
      <c r="T19" s="181"/>
      <c r="U19" s="181"/>
      <c r="V19" s="181"/>
      <c r="W19" s="181"/>
      <c r="X19" s="181"/>
      <c r="Y19" s="181"/>
      <c r="Z19" s="181"/>
      <c r="AA19" s="181"/>
      <c r="AB19" s="181"/>
      <c r="AC19" s="181"/>
      <c r="AD19" s="181"/>
      <c r="AE19" s="181"/>
      <c r="AF19" s="181"/>
      <c r="AG19" s="181"/>
      <c r="AH19" s="181"/>
      <c r="AI19" s="181"/>
      <c r="AJ19" s="183"/>
      <c r="AK19" s="183"/>
      <c r="AL19" s="183"/>
    </row>
    <row r="20" spans="1:38" s="35" customFormat="1" ht="180">
      <c r="A20" s="33"/>
      <c r="B20" s="28" t="s">
        <v>62</v>
      </c>
      <c r="C20" s="32" t="s">
        <v>63</v>
      </c>
      <c r="D20" s="36" t="s">
        <v>84</v>
      </c>
      <c r="E20" s="37" t="s">
        <v>85</v>
      </c>
      <c r="F20" s="32" t="s">
        <v>75</v>
      </c>
      <c r="G20" s="36" t="s">
        <v>66</v>
      </c>
      <c r="H20" s="159" t="s">
        <v>38</v>
      </c>
      <c r="I20" s="31" t="s">
        <v>76</v>
      </c>
      <c r="J20" s="176" t="s">
        <v>72</v>
      </c>
      <c r="K20" s="182"/>
      <c r="L20" s="181"/>
      <c r="M20" s="181"/>
      <c r="N20" s="181"/>
      <c r="O20" s="181"/>
      <c r="P20" s="181"/>
      <c r="Q20" s="181"/>
      <c r="R20" s="181"/>
      <c r="S20" s="181"/>
      <c r="T20" s="181"/>
      <c r="U20" s="181"/>
      <c r="V20" s="181"/>
      <c r="W20" s="181"/>
      <c r="X20" s="181"/>
      <c r="Y20" s="181"/>
      <c r="Z20" s="181"/>
      <c r="AA20" s="181"/>
      <c r="AB20" s="181"/>
      <c r="AC20" s="181"/>
      <c r="AD20" s="181"/>
      <c r="AE20" s="181"/>
      <c r="AF20" s="181"/>
      <c r="AG20" s="181"/>
      <c r="AH20" s="181"/>
      <c r="AI20" s="181"/>
      <c r="AJ20" s="183"/>
      <c r="AK20" s="183"/>
      <c r="AL20" s="183"/>
    </row>
    <row r="21" spans="1:38" ht="150">
      <c r="A21" s="20"/>
      <c r="B21" s="28" t="s">
        <v>62</v>
      </c>
      <c r="C21" s="29" t="s">
        <v>63</v>
      </c>
      <c r="D21" s="29" t="s">
        <v>86</v>
      </c>
      <c r="E21" s="30" t="s">
        <v>87</v>
      </c>
      <c r="F21" s="29" t="s">
        <v>36</v>
      </c>
      <c r="G21" s="29" t="s">
        <v>66</v>
      </c>
      <c r="H21" s="31" t="s">
        <v>38</v>
      </c>
      <c r="I21" s="31" t="s">
        <v>88</v>
      </c>
      <c r="J21" s="176" t="s">
        <v>72</v>
      </c>
      <c r="K21" s="116"/>
      <c r="L21" s="181"/>
      <c r="M21" s="181"/>
      <c r="N21" s="181"/>
      <c r="O21" s="181"/>
      <c r="P21" s="181"/>
      <c r="Q21" s="181"/>
      <c r="R21" s="181"/>
      <c r="S21" s="181"/>
      <c r="T21" s="181"/>
      <c r="U21" s="181"/>
      <c r="V21" s="181"/>
      <c r="W21" s="181"/>
      <c r="X21" s="181"/>
      <c r="Y21" s="181"/>
      <c r="Z21" s="181"/>
      <c r="AA21" s="181"/>
      <c r="AB21" s="181"/>
      <c r="AC21" s="181"/>
      <c r="AD21" s="181"/>
      <c r="AE21" s="181"/>
      <c r="AF21" s="181"/>
      <c r="AG21" s="181"/>
      <c r="AH21" s="181"/>
      <c r="AI21" s="181"/>
    </row>
    <row r="22" spans="1:38" ht="90">
      <c r="A22" s="20"/>
      <c r="B22" s="28" t="s">
        <v>62</v>
      </c>
      <c r="C22" s="38" t="s">
        <v>89</v>
      </c>
      <c r="D22" s="38" t="s">
        <v>90</v>
      </c>
      <c r="E22" s="39" t="s">
        <v>91</v>
      </c>
      <c r="F22" s="38" t="s">
        <v>36</v>
      </c>
      <c r="G22" s="38" t="s">
        <v>66</v>
      </c>
      <c r="H22" s="160" t="s">
        <v>38</v>
      </c>
      <c r="I22" s="40" t="s">
        <v>92</v>
      </c>
      <c r="J22" s="177" t="s">
        <v>93</v>
      </c>
      <c r="K22" s="116"/>
      <c r="L22" s="181"/>
      <c r="M22" s="181"/>
      <c r="N22" s="181"/>
      <c r="O22" s="181"/>
      <c r="P22" s="181"/>
      <c r="Q22" s="181"/>
      <c r="R22" s="181"/>
      <c r="S22" s="181"/>
      <c r="T22" s="181"/>
      <c r="U22" s="181"/>
      <c r="V22" s="181"/>
      <c r="W22" s="181"/>
      <c r="X22" s="181"/>
      <c r="Y22" s="181"/>
      <c r="Z22" s="181"/>
      <c r="AA22" s="181"/>
      <c r="AB22" s="181"/>
      <c r="AC22" s="181"/>
      <c r="AD22" s="181"/>
      <c r="AE22" s="181"/>
      <c r="AF22" s="181"/>
      <c r="AG22" s="181"/>
      <c r="AH22" s="181"/>
      <c r="AI22" s="181"/>
    </row>
    <row r="23" spans="1:38" ht="45">
      <c r="A23" s="20"/>
      <c r="B23" s="28" t="s">
        <v>62</v>
      </c>
      <c r="C23" s="38" t="s">
        <v>89</v>
      </c>
      <c r="D23" s="38" t="s">
        <v>94</v>
      </c>
      <c r="E23" s="39" t="s">
        <v>95</v>
      </c>
      <c r="F23" s="38" t="s">
        <v>75</v>
      </c>
      <c r="G23" s="38" t="s">
        <v>66</v>
      </c>
      <c r="H23" s="160" t="s">
        <v>38</v>
      </c>
      <c r="I23" s="40" t="s">
        <v>76</v>
      </c>
      <c r="J23" s="176" t="s">
        <v>96</v>
      </c>
      <c r="K23" s="116"/>
      <c r="L23" s="181"/>
      <c r="M23" s="181"/>
      <c r="N23" s="181"/>
      <c r="O23" s="181"/>
      <c r="P23" s="181"/>
      <c r="Q23" s="181"/>
      <c r="R23" s="181"/>
      <c r="S23" s="181"/>
      <c r="T23" s="181"/>
      <c r="U23" s="181"/>
      <c r="V23" s="181"/>
      <c r="W23" s="181"/>
      <c r="X23" s="181"/>
      <c r="Y23" s="181"/>
      <c r="Z23" s="181"/>
      <c r="AA23" s="181"/>
      <c r="AB23" s="181"/>
      <c r="AC23" s="181"/>
      <c r="AD23" s="181"/>
      <c r="AE23" s="181"/>
      <c r="AF23" s="181"/>
      <c r="AG23" s="181"/>
      <c r="AH23" s="181"/>
      <c r="AI23" s="181"/>
    </row>
    <row r="24" spans="1:38" ht="60">
      <c r="A24" s="20"/>
      <c r="B24" s="28" t="s">
        <v>62</v>
      </c>
      <c r="C24" s="29" t="s">
        <v>97</v>
      </c>
      <c r="D24" s="41" t="s">
        <v>98</v>
      </c>
      <c r="E24" s="42" t="s">
        <v>99</v>
      </c>
      <c r="F24" s="29" t="s">
        <v>36</v>
      </c>
      <c r="G24" s="41" t="s">
        <v>66</v>
      </c>
      <c r="H24" s="31" t="s">
        <v>38</v>
      </c>
      <c r="I24" s="31" t="s">
        <v>100</v>
      </c>
      <c r="J24" s="176" t="s">
        <v>101</v>
      </c>
      <c r="K24" s="116"/>
      <c r="L24" s="181"/>
      <c r="M24" s="181"/>
      <c r="N24" s="181"/>
      <c r="O24" s="181"/>
      <c r="P24" s="181"/>
      <c r="Q24" s="181"/>
      <c r="R24" s="181"/>
      <c r="S24" s="181"/>
      <c r="T24" s="181"/>
      <c r="U24" s="181"/>
      <c r="V24" s="181"/>
      <c r="W24" s="181"/>
      <c r="X24" s="181"/>
      <c r="Y24" s="181"/>
      <c r="Z24" s="181"/>
      <c r="AA24" s="181"/>
      <c r="AB24" s="181"/>
      <c r="AC24" s="181"/>
      <c r="AD24" s="181"/>
      <c r="AE24" s="181"/>
      <c r="AF24" s="181"/>
      <c r="AG24" s="181"/>
      <c r="AH24" s="181"/>
      <c r="AI24" s="181"/>
    </row>
    <row r="25" spans="1:38" s="35" customFormat="1" ht="45">
      <c r="A25" s="43"/>
      <c r="B25" s="28" t="s">
        <v>62</v>
      </c>
      <c r="C25" s="32" t="s">
        <v>97</v>
      </c>
      <c r="D25" s="36" t="s">
        <v>102</v>
      </c>
      <c r="E25" s="37" t="s">
        <v>103</v>
      </c>
      <c r="F25" s="29" t="s">
        <v>75</v>
      </c>
      <c r="G25" s="36" t="s">
        <v>66</v>
      </c>
      <c r="H25" s="31" t="s">
        <v>38</v>
      </c>
      <c r="I25" s="31" t="s">
        <v>76</v>
      </c>
      <c r="J25" s="176" t="s">
        <v>104</v>
      </c>
      <c r="K25" s="182"/>
      <c r="L25" s="181"/>
      <c r="M25" s="181"/>
      <c r="N25" s="181"/>
      <c r="O25" s="181"/>
      <c r="P25" s="181"/>
      <c r="Q25" s="181"/>
      <c r="R25" s="181"/>
      <c r="S25" s="181"/>
      <c r="T25" s="181"/>
      <c r="U25" s="181"/>
      <c r="V25" s="181"/>
      <c r="W25" s="181"/>
      <c r="X25" s="181"/>
      <c r="Y25" s="181"/>
      <c r="Z25" s="181"/>
      <c r="AA25" s="181"/>
      <c r="AB25" s="181"/>
      <c r="AC25" s="181"/>
      <c r="AD25" s="181"/>
      <c r="AE25" s="181"/>
      <c r="AF25" s="181"/>
      <c r="AG25" s="181"/>
      <c r="AH25" s="181"/>
      <c r="AI25" s="181"/>
      <c r="AJ25" s="183"/>
      <c r="AK25" s="183"/>
      <c r="AL25" s="183"/>
    </row>
    <row r="26" spans="1:38" s="35" customFormat="1" ht="90">
      <c r="A26" s="33"/>
      <c r="B26" s="28" t="s">
        <v>62</v>
      </c>
      <c r="C26" s="38" t="s">
        <v>105</v>
      </c>
      <c r="D26" s="38" t="s">
        <v>106</v>
      </c>
      <c r="E26" s="39" t="s">
        <v>107</v>
      </c>
      <c r="F26" s="38" t="s">
        <v>75</v>
      </c>
      <c r="G26" s="38" t="s">
        <v>66</v>
      </c>
      <c r="H26" s="160" t="s">
        <v>38</v>
      </c>
      <c r="I26" s="40" t="s">
        <v>76</v>
      </c>
      <c r="J26" s="177" t="s">
        <v>108</v>
      </c>
      <c r="K26" s="182"/>
      <c r="L26" s="181"/>
      <c r="M26" s="181"/>
      <c r="N26" s="181"/>
      <c r="O26" s="181"/>
      <c r="P26" s="181"/>
      <c r="Q26" s="181"/>
      <c r="R26" s="181"/>
      <c r="S26" s="181"/>
      <c r="T26" s="181"/>
      <c r="U26" s="181"/>
      <c r="V26" s="181"/>
      <c r="W26" s="181"/>
      <c r="X26" s="181"/>
      <c r="Y26" s="181"/>
      <c r="Z26" s="181"/>
      <c r="AA26" s="181"/>
      <c r="AB26" s="181"/>
      <c r="AC26" s="181"/>
      <c r="AD26" s="181"/>
      <c r="AE26" s="181"/>
      <c r="AF26" s="181"/>
      <c r="AG26" s="181"/>
      <c r="AH26" s="181"/>
      <c r="AI26" s="181"/>
      <c r="AJ26" s="183"/>
      <c r="AK26" s="183"/>
      <c r="AL26" s="183"/>
    </row>
    <row r="27" spans="1:38" s="35" customFormat="1" ht="105">
      <c r="A27" s="33"/>
      <c r="B27" s="28" t="s">
        <v>62</v>
      </c>
      <c r="C27" s="38" t="s">
        <v>105</v>
      </c>
      <c r="D27" s="38" t="s">
        <v>109</v>
      </c>
      <c r="E27" s="39" t="s">
        <v>110</v>
      </c>
      <c r="F27" s="38" t="s">
        <v>75</v>
      </c>
      <c r="G27" s="38" t="s">
        <v>66</v>
      </c>
      <c r="H27" s="160" t="s">
        <v>38</v>
      </c>
      <c r="I27" s="40" t="s">
        <v>76</v>
      </c>
      <c r="J27" s="177" t="s">
        <v>108</v>
      </c>
      <c r="K27" s="182"/>
      <c r="L27" s="181"/>
      <c r="M27" s="181"/>
      <c r="N27" s="181"/>
      <c r="O27" s="181"/>
      <c r="P27" s="181"/>
      <c r="Q27" s="181"/>
      <c r="R27" s="181"/>
      <c r="S27" s="181"/>
      <c r="T27" s="181"/>
      <c r="U27" s="181"/>
      <c r="V27" s="181"/>
      <c r="W27" s="181"/>
      <c r="X27" s="181"/>
      <c r="Y27" s="181"/>
      <c r="Z27" s="181"/>
      <c r="AA27" s="181"/>
      <c r="AB27" s="181"/>
      <c r="AC27" s="181"/>
      <c r="AD27" s="181"/>
      <c r="AE27" s="181"/>
      <c r="AF27" s="181"/>
      <c r="AG27" s="181"/>
      <c r="AH27" s="181"/>
      <c r="AI27" s="181"/>
      <c r="AJ27" s="183"/>
      <c r="AK27" s="183"/>
      <c r="AL27" s="183"/>
    </row>
    <row r="28" spans="1:38" ht="105">
      <c r="A28" s="20"/>
      <c r="B28" s="28" t="s">
        <v>62</v>
      </c>
      <c r="C28" s="38" t="s">
        <v>105</v>
      </c>
      <c r="D28" s="38" t="s">
        <v>111</v>
      </c>
      <c r="E28" s="39" t="s">
        <v>112</v>
      </c>
      <c r="F28" s="38" t="s">
        <v>36</v>
      </c>
      <c r="G28" s="38" t="s">
        <v>66</v>
      </c>
      <c r="H28" s="160" t="s">
        <v>38</v>
      </c>
      <c r="I28" s="40" t="s">
        <v>100</v>
      </c>
      <c r="J28" s="177" t="s">
        <v>93</v>
      </c>
      <c r="K28" s="116"/>
      <c r="L28" s="181"/>
      <c r="M28" s="181"/>
      <c r="N28" s="181"/>
      <c r="O28" s="181"/>
      <c r="P28" s="181"/>
      <c r="Q28" s="181"/>
      <c r="R28" s="181"/>
      <c r="S28" s="181"/>
      <c r="T28" s="181"/>
      <c r="U28" s="181"/>
      <c r="V28" s="181"/>
      <c r="W28" s="181"/>
      <c r="X28" s="181"/>
      <c r="Y28" s="181"/>
      <c r="Z28" s="181"/>
      <c r="AA28" s="181"/>
      <c r="AB28" s="181"/>
      <c r="AC28" s="181"/>
      <c r="AD28" s="181"/>
      <c r="AE28" s="181"/>
      <c r="AF28" s="181"/>
      <c r="AG28" s="181"/>
      <c r="AH28" s="181"/>
      <c r="AI28" s="181"/>
    </row>
    <row r="29" spans="1:38" ht="180">
      <c r="A29" s="20"/>
      <c r="B29" s="28" t="s">
        <v>62</v>
      </c>
      <c r="C29" s="29" t="s">
        <v>113</v>
      </c>
      <c r="D29" s="29" t="s">
        <v>114</v>
      </c>
      <c r="E29" s="30" t="s">
        <v>115</v>
      </c>
      <c r="F29" s="29" t="s">
        <v>36</v>
      </c>
      <c r="G29" s="29" t="s">
        <v>66</v>
      </c>
      <c r="H29" s="31" t="s">
        <v>38</v>
      </c>
      <c r="I29" s="31" t="s">
        <v>100</v>
      </c>
      <c r="J29" s="177" t="s">
        <v>93</v>
      </c>
      <c r="K29" s="116"/>
      <c r="L29" s="181"/>
      <c r="M29" s="181"/>
      <c r="N29" s="181"/>
      <c r="O29" s="181"/>
      <c r="P29" s="181"/>
      <c r="Q29" s="181"/>
      <c r="R29" s="181"/>
      <c r="S29" s="181"/>
      <c r="T29" s="181"/>
      <c r="U29" s="181"/>
      <c r="V29" s="181"/>
      <c r="W29" s="181"/>
      <c r="X29" s="181"/>
      <c r="Y29" s="181"/>
      <c r="Z29" s="181"/>
      <c r="AA29" s="181"/>
      <c r="AB29" s="181"/>
      <c r="AC29" s="181"/>
      <c r="AD29" s="181"/>
      <c r="AE29" s="181"/>
      <c r="AF29" s="181"/>
      <c r="AG29" s="181"/>
      <c r="AH29" s="181"/>
      <c r="AI29" s="181"/>
    </row>
    <row r="30" spans="1:38" ht="150">
      <c r="A30" s="20"/>
      <c r="B30" s="28" t="s">
        <v>62</v>
      </c>
      <c r="C30" s="29" t="s">
        <v>113</v>
      </c>
      <c r="D30" s="29" t="s">
        <v>116</v>
      </c>
      <c r="E30" s="30" t="s">
        <v>117</v>
      </c>
      <c r="F30" s="29" t="s">
        <v>36</v>
      </c>
      <c r="G30" s="29" t="s">
        <v>66</v>
      </c>
      <c r="H30" s="31" t="s">
        <v>38</v>
      </c>
      <c r="I30" s="31" t="s">
        <v>118</v>
      </c>
      <c r="J30" s="176" t="s">
        <v>93</v>
      </c>
      <c r="K30" s="116"/>
      <c r="L30" s="181"/>
      <c r="M30" s="181"/>
      <c r="N30" s="181"/>
      <c r="O30" s="181"/>
      <c r="P30" s="181"/>
      <c r="Q30" s="181"/>
      <c r="R30" s="181"/>
      <c r="S30" s="181"/>
      <c r="T30" s="181"/>
      <c r="U30" s="181"/>
      <c r="V30" s="181"/>
      <c r="W30" s="181"/>
      <c r="X30" s="181"/>
      <c r="Y30" s="181"/>
      <c r="Z30" s="181"/>
      <c r="AA30" s="181"/>
      <c r="AB30" s="181"/>
      <c r="AC30" s="181"/>
      <c r="AD30" s="181"/>
      <c r="AE30" s="181"/>
      <c r="AF30" s="181"/>
      <c r="AG30" s="181"/>
      <c r="AH30" s="181"/>
      <c r="AI30" s="181"/>
    </row>
    <row r="31" spans="1:38" ht="60">
      <c r="A31" s="20"/>
      <c r="B31" s="28" t="s">
        <v>62</v>
      </c>
      <c r="C31" s="29" t="s">
        <v>113</v>
      </c>
      <c r="D31" s="29" t="s">
        <v>119</v>
      </c>
      <c r="E31" s="30" t="s">
        <v>120</v>
      </c>
      <c r="F31" s="29" t="s">
        <v>36</v>
      </c>
      <c r="G31" s="29" t="s">
        <v>66</v>
      </c>
      <c r="H31" s="31" t="s">
        <v>38</v>
      </c>
      <c r="I31" s="31" t="s">
        <v>118</v>
      </c>
      <c r="J31" s="176" t="s">
        <v>93</v>
      </c>
      <c r="K31" s="116"/>
      <c r="L31" s="181"/>
      <c r="M31" s="181"/>
      <c r="N31" s="181"/>
      <c r="O31" s="181"/>
      <c r="P31" s="181"/>
      <c r="Q31" s="181"/>
      <c r="R31" s="181"/>
      <c r="S31" s="181"/>
      <c r="T31" s="181"/>
      <c r="U31" s="181"/>
      <c r="V31" s="181"/>
      <c r="W31" s="181"/>
      <c r="X31" s="181"/>
      <c r="Y31" s="181"/>
      <c r="Z31" s="181"/>
      <c r="AA31" s="181"/>
      <c r="AB31" s="181"/>
      <c r="AC31" s="181"/>
      <c r="AD31" s="181"/>
      <c r="AE31" s="181"/>
      <c r="AF31" s="181"/>
      <c r="AG31" s="181"/>
      <c r="AH31" s="181"/>
      <c r="AI31" s="181"/>
    </row>
    <row r="32" spans="1:38" s="35" customFormat="1" ht="60">
      <c r="A32" s="33"/>
      <c r="B32" s="28" t="s">
        <v>62</v>
      </c>
      <c r="C32" s="29" t="s">
        <v>113</v>
      </c>
      <c r="D32" s="29" t="s">
        <v>121</v>
      </c>
      <c r="E32" s="30" t="s">
        <v>122</v>
      </c>
      <c r="F32" s="29" t="s">
        <v>75</v>
      </c>
      <c r="G32" s="29" t="s">
        <v>66</v>
      </c>
      <c r="H32" s="31" t="s">
        <v>38</v>
      </c>
      <c r="I32" s="31" t="s">
        <v>76</v>
      </c>
      <c r="J32" s="177" t="s">
        <v>123</v>
      </c>
      <c r="K32" s="182"/>
      <c r="L32" s="181"/>
      <c r="M32" s="181"/>
      <c r="N32" s="181"/>
      <c r="O32" s="181"/>
      <c r="P32" s="181"/>
      <c r="Q32" s="181"/>
      <c r="R32" s="181"/>
      <c r="S32" s="181"/>
      <c r="T32" s="181"/>
      <c r="U32" s="181"/>
      <c r="V32" s="181"/>
      <c r="W32" s="181"/>
      <c r="X32" s="181"/>
      <c r="Y32" s="181"/>
      <c r="Z32" s="181"/>
      <c r="AA32" s="181"/>
      <c r="AB32" s="181"/>
      <c r="AC32" s="181"/>
      <c r="AD32" s="181"/>
      <c r="AE32" s="181"/>
      <c r="AF32" s="181"/>
      <c r="AG32" s="181"/>
      <c r="AH32" s="181"/>
      <c r="AI32" s="181"/>
      <c r="AJ32" s="183"/>
      <c r="AK32" s="183"/>
      <c r="AL32" s="183"/>
    </row>
    <row r="33" spans="1:38" s="35" customFormat="1" ht="30">
      <c r="A33" s="33"/>
      <c r="B33" s="28" t="s">
        <v>62</v>
      </c>
      <c r="C33" s="38" t="s">
        <v>124</v>
      </c>
      <c r="D33" s="38" t="s">
        <v>124</v>
      </c>
      <c r="E33" s="39" t="s">
        <v>125</v>
      </c>
      <c r="F33" s="44" t="s">
        <v>75</v>
      </c>
      <c r="G33" s="38" t="s">
        <v>66</v>
      </c>
      <c r="H33" s="40" t="s">
        <v>38</v>
      </c>
      <c r="I33" s="40" t="s">
        <v>76</v>
      </c>
      <c r="J33" s="177" t="s">
        <v>77</v>
      </c>
      <c r="K33" s="182"/>
      <c r="L33" s="181"/>
      <c r="M33" s="181"/>
      <c r="N33" s="181"/>
      <c r="O33" s="181"/>
      <c r="P33" s="181"/>
      <c r="Q33" s="181"/>
      <c r="R33" s="181"/>
      <c r="S33" s="181"/>
      <c r="T33" s="181"/>
      <c r="U33" s="181"/>
      <c r="V33" s="181"/>
      <c r="W33" s="181"/>
      <c r="X33" s="181"/>
      <c r="Y33" s="181"/>
      <c r="Z33" s="181"/>
      <c r="AA33" s="181"/>
      <c r="AB33" s="181"/>
      <c r="AC33" s="181"/>
      <c r="AD33" s="181"/>
      <c r="AE33" s="181"/>
      <c r="AF33" s="181"/>
      <c r="AG33" s="181"/>
      <c r="AH33" s="181"/>
      <c r="AI33" s="181"/>
      <c r="AJ33" s="183"/>
      <c r="AK33" s="183"/>
      <c r="AL33" s="183"/>
    </row>
    <row r="34" spans="1:38" ht="75">
      <c r="A34" s="20"/>
      <c r="B34" s="45" t="s">
        <v>126</v>
      </c>
      <c r="C34" s="46" t="s">
        <v>127</v>
      </c>
      <c r="D34" s="46" t="s">
        <v>128</v>
      </c>
      <c r="E34" s="47" t="s">
        <v>129</v>
      </c>
      <c r="F34" s="46" t="s">
        <v>36</v>
      </c>
      <c r="G34" s="46" t="s">
        <v>130</v>
      </c>
      <c r="H34" s="48" t="s">
        <v>131</v>
      </c>
      <c r="I34" s="48" t="s">
        <v>132</v>
      </c>
      <c r="J34" s="176" t="s">
        <v>133</v>
      </c>
      <c r="K34" s="116"/>
      <c r="L34" s="181"/>
      <c r="M34" s="181"/>
      <c r="N34" s="181"/>
      <c r="O34" s="181"/>
      <c r="P34" s="181"/>
      <c r="Q34" s="181"/>
      <c r="R34" s="181"/>
      <c r="S34" s="181"/>
      <c r="T34" s="181"/>
      <c r="U34" s="181"/>
      <c r="V34" s="181"/>
      <c r="W34" s="181"/>
      <c r="X34" s="181"/>
      <c r="Y34" s="181"/>
      <c r="Z34" s="181"/>
      <c r="AA34" s="181"/>
      <c r="AB34" s="181"/>
      <c r="AC34" s="181"/>
      <c r="AD34" s="181"/>
      <c r="AE34" s="181"/>
      <c r="AF34" s="181"/>
      <c r="AG34" s="181"/>
      <c r="AH34" s="181"/>
      <c r="AI34" s="181"/>
    </row>
    <row r="35" spans="1:38" ht="75">
      <c r="A35" s="20"/>
      <c r="B35" s="45" t="s">
        <v>126</v>
      </c>
      <c r="C35" s="46" t="s">
        <v>127</v>
      </c>
      <c r="D35" s="46" t="s">
        <v>134</v>
      </c>
      <c r="E35" s="47" t="s">
        <v>135</v>
      </c>
      <c r="F35" s="46" t="s">
        <v>36</v>
      </c>
      <c r="G35" s="46" t="s">
        <v>130</v>
      </c>
      <c r="H35" s="48" t="s">
        <v>131</v>
      </c>
      <c r="I35" s="48" t="s">
        <v>132</v>
      </c>
      <c r="J35" s="176" t="s">
        <v>133</v>
      </c>
      <c r="K35" s="116"/>
      <c r="L35" s="181"/>
      <c r="M35" s="181"/>
      <c r="N35" s="181"/>
      <c r="O35" s="181"/>
      <c r="P35" s="181"/>
      <c r="Q35" s="181"/>
      <c r="R35" s="181"/>
      <c r="S35" s="181"/>
      <c r="T35" s="181"/>
      <c r="U35" s="181"/>
      <c r="V35" s="181"/>
      <c r="W35" s="181"/>
      <c r="X35" s="181"/>
      <c r="Y35" s="181"/>
      <c r="Z35" s="181"/>
      <c r="AA35" s="181"/>
      <c r="AB35" s="181"/>
      <c r="AC35" s="181"/>
      <c r="AD35" s="181"/>
      <c r="AE35" s="181"/>
      <c r="AF35" s="181"/>
      <c r="AG35" s="181"/>
      <c r="AH35" s="181"/>
      <c r="AI35" s="181"/>
    </row>
    <row r="36" spans="1:38" ht="60">
      <c r="A36" s="20"/>
      <c r="B36" s="45" t="s">
        <v>126</v>
      </c>
      <c r="C36" s="46" t="s">
        <v>127</v>
      </c>
      <c r="D36" s="46" t="s">
        <v>136</v>
      </c>
      <c r="E36" s="47" t="s">
        <v>137</v>
      </c>
      <c r="F36" s="46" t="s">
        <v>36</v>
      </c>
      <c r="G36" s="46" t="s">
        <v>130</v>
      </c>
      <c r="H36" s="48" t="s">
        <v>131</v>
      </c>
      <c r="I36" s="48" t="s">
        <v>132</v>
      </c>
      <c r="J36" s="176" t="s">
        <v>133</v>
      </c>
      <c r="K36" s="116"/>
      <c r="L36" s="181"/>
      <c r="M36" s="181"/>
      <c r="N36" s="181"/>
      <c r="O36" s="181"/>
      <c r="P36" s="181"/>
      <c r="Q36" s="181"/>
      <c r="R36" s="181"/>
      <c r="S36" s="181"/>
      <c r="T36" s="181"/>
      <c r="U36" s="181"/>
      <c r="V36" s="181"/>
      <c r="W36" s="181"/>
      <c r="X36" s="181"/>
      <c r="Y36" s="181"/>
      <c r="Z36" s="181"/>
      <c r="AA36" s="181"/>
      <c r="AB36" s="181"/>
      <c r="AC36" s="181"/>
      <c r="AD36" s="181"/>
      <c r="AE36" s="181"/>
      <c r="AF36" s="181"/>
      <c r="AG36" s="181"/>
      <c r="AH36" s="181"/>
      <c r="AI36" s="181"/>
    </row>
    <row r="37" spans="1:38" ht="60">
      <c r="A37" s="20"/>
      <c r="B37" s="45" t="s">
        <v>126</v>
      </c>
      <c r="C37" s="46" t="s">
        <v>127</v>
      </c>
      <c r="D37" s="46" t="s">
        <v>138</v>
      </c>
      <c r="E37" s="49" t="s">
        <v>139</v>
      </c>
      <c r="F37" s="46" t="s">
        <v>36</v>
      </c>
      <c r="G37" s="46" t="s">
        <v>130</v>
      </c>
      <c r="H37" s="48" t="s">
        <v>131</v>
      </c>
      <c r="I37" s="48" t="s">
        <v>132</v>
      </c>
      <c r="J37" s="176">
        <v>1</v>
      </c>
      <c r="K37" s="116"/>
      <c r="L37" s="181"/>
      <c r="M37" s="181"/>
      <c r="N37" s="181"/>
      <c r="O37" s="181"/>
      <c r="P37" s="181"/>
      <c r="Q37" s="181"/>
      <c r="R37" s="181"/>
      <c r="S37" s="181"/>
      <c r="T37" s="181"/>
      <c r="U37" s="181"/>
      <c r="V37" s="181"/>
      <c r="W37" s="181"/>
      <c r="X37" s="181"/>
      <c r="Y37" s="181"/>
      <c r="Z37" s="181"/>
      <c r="AA37" s="181"/>
      <c r="AB37" s="181"/>
      <c r="AC37" s="181"/>
      <c r="AD37" s="181"/>
      <c r="AE37" s="181"/>
      <c r="AF37" s="181"/>
      <c r="AG37" s="181"/>
      <c r="AH37" s="181"/>
      <c r="AI37" s="181"/>
    </row>
    <row r="38" spans="1:38" s="54" customFormat="1" ht="120">
      <c r="A38" s="43"/>
      <c r="B38" s="50" t="s">
        <v>126</v>
      </c>
      <c r="C38" s="51" t="s">
        <v>140</v>
      </c>
      <c r="D38" s="51" t="s">
        <v>141</v>
      </c>
      <c r="E38" s="52" t="s">
        <v>142</v>
      </c>
      <c r="F38" s="51" t="s">
        <v>75</v>
      </c>
      <c r="G38" s="51" t="s">
        <v>130</v>
      </c>
      <c r="H38" s="161" t="s">
        <v>143</v>
      </c>
      <c r="I38" s="53" t="s">
        <v>76</v>
      </c>
      <c r="J38" s="177">
        <v>1</v>
      </c>
      <c r="K38" s="184"/>
      <c r="L38" s="181"/>
      <c r="M38" s="181"/>
      <c r="N38" s="181"/>
      <c r="O38" s="181"/>
      <c r="P38" s="181"/>
      <c r="Q38" s="181"/>
      <c r="R38" s="181"/>
      <c r="S38" s="181"/>
      <c r="T38" s="181"/>
      <c r="U38" s="181"/>
      <c r="V38" s="181"/>
      <c r="W38" s="181"/>
      <c r="X38" s="181"/>
      <c r="Y38" s="181"/>
      <c r="Z38" s="181"/>
      <c r="AA38" s="181"/>
      <c r="AB38" s="181"/>
      <c r="AC38" s="181"/>
      <c r="AD38" s="181"/>
      <c r="AE38" s="181"/>
      <c r="AF38" s="181"/>
      <c r="AG38" s="181"/>
      <c r="AH38" s="181"/>
      <c r="AI38" s="181"/>
      <c r="AJ38" s="185"/>
      <c r="AK38" s="185"/>
      <c r="AL38" s="185"/>
    </row>
    <row r="39" spans="1:38" ht="120">
      <c r="A39" s="20"/>
      <c r="B39" s="45" t="s">
        <v>126</v>
      </c>
      <c r="C39" s="55" t="s">
        <v>140</v>
      </c>
      <c r="D39" s="55" t="s">
        <v>144</v>
      </c>
      <c r="E39" s="56" t="s">
        <v>145</v>
      </c>
      <c r="F39" s="55" t="s">
        <v>36</v>
      </c>
      <c r="G39" s="55" t="s">
        <v>130</v>
      </c>
      <c r="H39" s="53" t="s">
        <v>143</v>
      </c>
      <c r="I39" s="53" t="s">
        <v>146</v>
      </c>
      <c r="J39" s="176" t="s">
        <v>133</v>
      </c>
      <c r="K39" s="116"/>
      <c r="L39" s="181"/>
      <c r="M39" s="181"/>
      <c r="N39" s="181"/>
      <c r="O39" s="181"/>
      <c r="P39" s="181"/>
      <c r="Q39" s="181"/>
      <c r="R39" s="181"/>
      <c r="S39" s="181"/>
      <c r="T39" s="181"/>
      <c r="U39" s="181"/>
      <c r="V39" s="181"/>
      <c r="W39" s="181"/>
      <c r="X39" s="181"/>
      <c r="Y39" s="181"/>
      <c r="Z39" s="181"/>
      <c r="AA39" s="181"/>
      <c r="AB39" s="181"/>
      <c r="AC39" s="181"/>
      <c r="AD39" s="181"/>
      <c r="AE39" s="181"/>
      <c r="AF39" s="181"/>
      <c r="AG39" s="181"/>
      <c r="AH39" s="181"/>
      <c r="AI39" s="181"/>
    </row>
    <row r="40" spans="1:38" ht="120">
      <c r="A40" s="20"/>
      <c r="B40" s="45" t="s">
        <v>126</v>
      </c>
      <c r="C40" s="55" t="s">
        <v>140</v>
      </c>
      <c r="D40" s="55" t="s">
        <v>147</v>
      </c>
      <c r="E40" s="56" t="s">
        <v>148</v>
      </c>
      <c r="F40" s="55" t="s">
        <v>36</v>
      </c>
      <c r="G40" s="55" t="s">
        <v>130</v>
      </c>
      <c r="H40" s="53" t="s">
        <v>143</v>
      </c>
      <c r="I40" s="53" t="s">
        <v>146</v>
      </c>
      <c r="J40" s="176" t="s">
        <v>133</v>
      </c>
      <c r="K40" s="116"/>
      <c r="L40" s="181"/>
      <c r="M40" s="181"/>
      <c r="N40" s="181"/>
      <c r="O40" s="181"/>
      <c r="P40" s="181"/>
      <c r="Q40" s="181"/>
      <c r="R40" s="181"/>
      <c r="S40" s="181"/>
      <c r="T40" s="181"/>
      <c r="U40" s="181"/>
      <c r="V40" s="181"/>
      <c r="W40" s="181"/>
      <c r="X40" s="181"/>
      <c r="Y40" s="181"/>
      <c r="Z40" s="181"/>
      <c r="AA40" s="181"/>
      <c r="AB40" s="181"/>
      <c r="AC40" s="181"/>
      <c r="AD40" s="181"/>
      <c r="AE40" s="181"/>
      <c r="AF40" s="181"/>
      <c r="AG40" s="181"/>
      <c r="AH40" s="181"/>
      <c r="AI40" s="181"/>
    </row>
    <row r="41" spans="1:38" ht="120">
      <c r="A41" s="20"/>
      <c r="B41" s="45" t="s">
        <v>126</v>
      </c>
      <c r="C41" s="55" t="s">
        <v>140</v>
      </c>
      <c r="D41" s="55" t="s">
        <v>149</v>
      </c>
      <c r="E41" s="56" t="s">
        <v>150</v>
      </c>
      <c r="F41" s="55" t="s">
        <v>36</v>
      </c>
      <c r="G41" s="55" t="s">
        <v>130</v>
      </c>
      <c r="H41" s="53" t="s">
        <v>143</v>
      </c>
      <c r="I41" s="53" t="s">
        <v>146</v>
      </c>
      <c r="J41" s="176" t="s">
        <v>151</v>
      </c>
      <c r="K41" s="116"/>
      <c r="L41" s="181"/>
      <c r="M41" s="181"/>
      <c r="N41" s="181"/>
      <c r="O41" s="181"/>
      <c r="P41" s="181"/>
      <c r="Q41" s="181"/>
      <c r="R41" s="181"/>
      <c r="S41" s="181"/>
      <c r="T41" s="181"/>
      <c r="U41" s="181"/>
      <c r="V41" s="181"/>
      <c r="W41" s="181"/>
      <c r="X41" s="181"/>
      <c r="Y41" s="181"/>
      <c r="Z41" s="181"/>
      <c r="AA41" s="181"/>
      <c r="AB41" s="181"/>
      <c r="AC41" s="181"/>
      <c r="AD41" s="181"/>
      <c r="AE41" s="181"/>
      <c r="AF41" s="181"/>
      <c r="AG41" s="181"/>
      <c r="AH41" s="181"/>
      <c r="AI41" s="181"/>
    </row>
    <row r="42" spans="1:38" ht="120">
      <c r="A42" s="20"/>
      <c r="B42" s="45" t="s">
        <v>126</v>
      </c>
      <c r="C42" s="55" t="s">
        <v>140</v>
      </c>
      <c r="D42" s="55" t="s">
        <v>152</v>
      </c>
      <c r="E42" s="56" t="s">
        <v>153</v>
      </c>
      <c r="F42" s="55" t="s">
        <v>36</v>
      </c>
      <c r="G42" s="55" t="s">
        <v>130</v>
      </c>
      <c r="H42" s="53" t="s">
        <v>143</v>
      </c>
      <c r="I42" s="53" t="s">
        <v>154</v>
      </c>
      <c r="J42" s="176">
        <v>10</v>
      </c>
      <c r="K42" s="116"/>
      <c r="L42" s="181"/>
      <c r="M42" s="181"/>
      <c r="N42" s="181"/>
      <c r="O42" s="181"/>
      <c r="P42" s="181"/>
      <c r="Q42" s="181"/>
      <c r="R42" s="181"/>
      <c r="S42" s="181"/>
      <c r="T42" s="181"/>
      <c r="U42" s="181"/>
      <c r="V42" s="181"/>
      <c r="W42" s="181"/>
      <c r="X42" s="181"/>
      <c r="Y42" s="181"/>
      <c r="Z42" s="181"/>
      <c r="AA42" s="181"/>
      <c r="AB42" s="181"/>
      <c r="AC42" s="181"/>
      <c r="AD42" s="181"/>
      <c r="AE42" s="181"/>
      <c r="AF42" s="181"/>
      <c r="AG42" s="181"/>
      <c r="AH42" s="181"/>
      <c r="AI42" s="181"/>
    </row>
    <row r="43" spans="1:38" ht="60">
      <c r="A43" s="20"/>
      <c r="B43" s="45" t="s">
        <v>126</v>
      </c>
      <c r="C43" s="57" t="s">
        <v>155</v>
      </c>
      <c r="D43" s="57" t="s">
        <v>156</v>
      </c>
      <c r="E43" s="58" t="s">
        <v>157</v>
      </c>
      <c r="F43" s="57" t="s">
        <v>36</v>
      </c>
      <c r="G43" s="57" t="s">
        <v>130</v>
      </c>
      <c r="H43" s="59" t="s">
        <v>158</v>
      </c>
      <c r="I43" s="59" t="s">
        <v>159</v>
      </c>
      <c r="J43" s="176" t="s">
        <v>133</v>
      </c>
      <c r="K43" s="116"/>
      <c r="L43" s="181"/>
      <c r="M43" s="181"/>
      <c r="N43" s="181"/>
      <c r="O43" s="181"/>
      <c r="P43" s="181"/>
      <c r="Q43" s="181"/>
      <c r="R43" s="181"/>
      <c r="S43" s="181"/>
      <c r="T43" s="181"/>
      <c r="U43" s="181"/>
      <c r="V43" s="181"/>
      <c r="W43" s="181"/>
      <c r="X43" s="181"/>
      <c r="Y43" s="181"/>
      <c r="Z43" s="181"/>
      <c r="AA43" s="181"/>
      <c r="AB43" s="181"/>
      <c r="AC43" s="181"/>
      <c r="AD43" s="181"/>
      <c r="AE43" s="181"/>
      <c r="AF43" s="181"/>
      <c r="AG43" s="181"/>
      <c r="AH43" s="181"/>
      <c r="AI43" s="181"/>
    </row>
    <row r="44" spans="1:38" ht="120">
      <c r="A44" s="20"/>
      <c r="B44" s="45" t="s">
        <v>126</v>
      </c>
      <c r="C44" s="57" t="s">
        <v>155</v>
      </c>
      <c r="D44" s="57" t="s">
        <v>160</v>
      </c>
      <c r="E44" s="58" t="s">
        <v>161</v>
      </c>
      <c r="F44" s="57" t="s">
        <v>36</v>
      </c>
      <c r="G44" s="57" t="s">
        <v>130</v>
      </c>
      <c r="H44" s="59" t="s">
        <v>143</v>
      </c>
      <c r="I44" s="59" t="s">
        <v>162</v>
      </c>
      <c r="J44" s="176"/>
      <c r="K44" s="116"/>
      <c r="L44" s="181"/>
      <c r="M44" s="181"/>
      <c r="N44" s="181"/>
      <c r="O44" s="181"/>
      <c r="P44" s="181"/>
      <c r="Q44" s="181"/>
      <c r="R44" s="181"/>
      <c r="S44" s="181"/>
      <c r="T44" s="181"/>
      <c r="U44" s="181"/>
      <c r="V44" s="181"/>
      <c r="W44" s="181"/>
      <c r="X44" s="181"/>
      <c r="Y44" s="181"/>
      <c r="Z44" s="181"/>
      <c r="AA44" s="181"/>
      <c r="AB44" s="181"/>
      <c r="AC44" s="181"/>
      <c r="AD44" s="181"/>
      <c r="AE44" s="181"/>
      <c r="AF44" s="181"/>
      <c r="AG44" s="181"/>
      <c r="AH44" s="181"/>
      <c r="AI44" s="181"/>
    </row>
    <row r="45" spans="1:38" ht="120">
      <c r="A45" s="20"/>
      <c r="B45" s="45" t="s">
        <v>126</v>
      </c>
      <c r="C45" s="57" t="s">
        <v>155</v>
      </c>
      <c r="D45" s="57" t="s">
        <v>163</v>
      </c>
      <c r="E45" s="58" t="s">
        <v>164</v>
      </c>
      <c r="F45" s="57" t="s">
        <v>36</v>
      </c>
      <c r="G45" s="57" t="s">
        <v>130</v>
      </c>
      <c r="H45" s="59" t="s">
        <v>143</v>
      </c>
      <c r="I45" s="59" t="s">
        <v>165</v>
      </c>
      <c r="J45" s="176" t="s">
        <v>133</v>
      </c>
      <c r="K45" s="116"/>
      <c r="L45" s="181"/>
      <c r="M45" s="181"/>
      <c r="N45" s="181"/>
      <c r="O45" s="181"/>
      <c r="P45" s="181"/>
      <c r="Q45" s="181"/>
      <c r="R45" s="181"/>
      <c r="S45" s="181"/>
      <c r="T45" s="181"/>
      <c r="U45" s="181"/>
      <c r="V45" s="181"/>
      <c r="W45" s="181"/>
      <c r="X45" s="181"/>
      <c r="Y45" s="181"/>
      <c r="Z45" s="181"/>
      <c r="AA45" s="181"/>
      <c r="AB45" s="181"/>
      <c r="AC45" s="181"/>
      <c r="AD45" s="181"/>
      <c r="AE45" s="181"/>
      <c r="AF45" s="181"/>
      <c r="AG45" s="181"/>
      <c r="AH45" s="181"/>
      <c r="AI45" s="181"/>
    </row>
    <row r="46" spans="1:38" ht="120">
      <c r="A46" s="20"/>
      <c r="B46" s="45" t="s">
        <v>126</v>
      </c>
      <c r="C46" s="57" t="s">
        <v>155</v>
      </c>
      <c r="D46" s="57" t="s">
        <v>166</v>
      </c>
      <c r="E46" s="58" t="s">
        <v>167</v>
      </c>
      <c r="F46" s="57" t="s">
        <v>75</v>
      </c>
      <c r="G46" s="57" t="s">
        <v>130</v>
      </c>
      <c r="H46" s="59" t="s">
        <v>143</v>
      </c>
      <c r="I46" s="59" t="s">
        <v>76</v>
      </c>
      <c r="J46" s="176" t="s">
        <v>168</v>
      </c>
      <c r="K46" s="116"/>
      <c r="L46" s="181"/>
      <c r="M46" s="181"/>
      <c r="N46" s="181"/>
      <c r="O46" s="181"/>
      <c r="P46" s="181"/>
      <c r="Q46" s="181"/>
      <c r="R46" s="181"/>
      <c r="S46" s="181"/>
      <c r="T46" s="181"/>
      <c r="U46" s="181"/>
      <c r="V46" s="181"/>
      <c r="W46" s="181"/>
      <c r="X46" s="181"/>
      <c r="Y46" s="181"/>
      <c r="Z46" s="181"/>
      <c r="AA46" s="181"/>
      <c r="AB46" s="181"/>
      <c r="AC46" s="181"/>
      <c r="AD46" s="181"/>
      <c r="AE46" s="181"/>
      <c r="AF46" s="181"/>
      <c r="AG46" s="181"/>
      <c r="AH46" s="181"/>
      <c r="AI46" s="181"/>
    </row>
    <row r="47" spans="1:38" ht="120">
      <c r="A47" s="20"/>
      <c r="B47" s="45" t="s">
        <v>126</v>
      </c>
      <c r="C47" s="57" t="s">
        <v>155</v>
      </c>
      <c r="D47" s="57" t="s">
        <v>169</v>
      </c>
      <c r="E47" s="58" t="s">
        <v>170</v>
      </c>
      <c r="F47" s="57" t="s">
        <v>36</v>
      </c>
      <c r="G47" s="57" t="s">
        <v>130</v>
      </c>
      <c r="H47" s="59" t="s">
        <v>143</v>
      </c>
      <c r="I47" s="59" t="s">
        <v>76</v>
      </c>
      <c r="J47" s="176" t="s">
        <v>133</v>
      </c>
      <c r="K47" s="116"/>
      <c r="L47" s="181"/>
      <c r="M47" s="181"/>
      <c r="N47" s="181"/>
      <c r="O47" s="181"/>
      <c r="P47" s="181"/>
      <c r="Q47" s="181"/>
      <c r="R47" s="181"/>
      <c r="S47" s="181"/>
      <c r="T47" s="181"/>
      <c r="U47" s="181"/>
      <c r="V47" s="181"/>
      <c r="W47" s="181"/>
      <c r="X47" s="181"/>
      <c r="Y47" s="181"/>
      <c r="Z47" s="181"/>
      <c r="AA47" s="181"/>
      <c r="AB47" s="181"/>
      <c r="AC47" s="181"/>
      <c r="AD47" s="181"/>
      <c r="AE47" s="181"/>
      <c r="AF47" s="181"/>
      <c r="AG47" s="181"/>
      <c r="AH47" s="181"/>
      <c r="AI47" s="181"/>
    </row>
    <row r="48" spans="1:38" ht="120">
      <c r="A48" s="20"/>
      <c r="B48" s="45" t="s">
        <v>126</v>
      </c>
      <c r="C48" s="57" t="s">
        <v>155</v>
      </c>
      <c r="D48" s="57" t="s">
        <v>171</v>
      </c>
      <c r="E48" s="58" t="s">
        <v>172</v>
      </c>
      <c r="F48" s="57" t="s">
        <v>36</v>
      </c>
      <c r="G48" s="57" t="s">
        <v>130</v>
      </c>
      <c r="H48" s="59" t="s">
        <v>143</v>
      </c>
      <c r="I48" s="59" t="s">
        <v>76</v>
      </c>
      <c r="J48" s="176" t="s">
        <v>133</v>
      </c>
      <c r="K48" s="116"/>
      <c r="L48" s="181"/>
      <c r="M48" s="181"/>
      <c r="N48" s="181"/>
      <c r="O48" s="181"/>
      <c r="P48" s="181"/>
      <c r="Q48" s="181"/>
      <c r="R48" s="181"/>
      <c r="S48" s="181"/>
      <c r="T48" s="181"/>
      <c r="U48" s="181"/>
      <c r="V48" s="181"/>
      <c r="W48" s="181"/>
      <c r="X48" s="181"/>
      <c r="Y48" s="181"/>
      <c r="Z48" s="181"/>
      <c r="AA48" s="181"/>
      <c r="AB48" s="181"/>
      <c r="AC48" s="181"/>
      <c r="AD48" s="181"/>
      <c r="AE48" s="181"/>
      <c r="AF48" s="181"/>
      <c r="AG48" s="181"/>
      <c r="AH48" s="181"/>
      <c r="AI48" s="181"/>
    </row>
    <row r="49" spans="1:38" ht="45">
      <c r="A49" s="20"/>
      <c r="B49" s="45" t="s">
        <v>126</v>
      </c>
      <c r="C49" s="60" t="s">
        <v>173</v>
      </c>
      <c r="D49" s="60" t="s">
        <v>174</v>
      </c>
      <c r="E49" s="61" t="s">
        <v>175</v>
      </c>
      <c r="F49" s="60" t="s">
        <v>36</v>
      </c>
      <c r="G49" s="60" t="s">
        <v>130</v>
      </c>
      <c r="H49" s="62" t="s">
        <v>173</v>
      </c>
      <c r="I49" s="62" t="s">
        <v>176</v>
      </c>
      <c r="J49" s="176" t="s">
        <v>133</v>
      </c>
      <c r="K49" s="116"/>
      <c r="L49" s="181"/>
      <c r="M49" s="181"/>
      <c r="N49" s="181"/>
      <c r="O49" s="181"/>
      <c r="P49" s="181"/>
      <c r="Q49" s="181"/>
      <c r="R49" s="181"/>
      <c r="S49" s="181"/>
      <c r="T49" s="181"/>
      <c r="U49" s="181"/>
      <c r="V49" s="181"/>
      <c r="W49" s="181"/>
      <c r="X49" s="181"/>
      <c r="Y49" s="181"/>
      <c r="Z49" s="181"/>
      <c r="AA49" s="181"/>
      <c r="AB49" s="181"/>
      <c r="AC49" s="181"/>
      <c r="AD49" s="181"/>
      <c r="AE49" s="181"/>
      <c r="AF49" s="181"/>
      <c r="AG49" s="181"/>
      <c r="AH49" s="181"/>
      <c r="AI49" s="181"/>
    </row>
    <row r="50" spans="1:38" ht="45">
      <c r="A50" s="20"/>
      <c r="B50" s="45" t="s">
        <v>126</v>
      </c>
      <c r="C50" s="60" t="s">
        <v>173</v>
      </c>
      <c r="D50" s="60" t="s">
        <v>177</v>
      </c>
      <c r="E50" s="61" t="s">
        <v>178</v>
      </c>
      <c r="F50" s="60" t="s">
        <v>36</v>
      </c>
      <c r="G50" s="60" t="s">
        <v>130</v>
      </c>
      <c r="H50" s="62" t="s">
        <v>173</v>
      </c>
      <c r="I50" s="62" t="s">
        <v>179</v>
      </c>
      <c r="J50" s="176" t="s">
        <v>168</v>
      </c>
      <c r="K50" s="116"/>
      <c r="L50" s="181"/>
      <c r="M50" s="181"/>
      <c r="N50" s="181"/>
      <c r="O50" s="181"/>
      <c r="P50" s="181"/>
      <c r="Q50" s="181"/>
      <c r="R50" s="181"/>
      <c r="S50" s="181"/>
      <c r="T50" s="181"/>
      <c r="U50" s="181"/>
      <c r="V50" s="181"/>
      <c r="W50" s="181"/>
      <c r="X50" s="181"/>
      <c r="Y50" s="181"/>
      <c r="Z50" s="181"/>
      <c r="AA50" s="181"/>
      <c r="AB50" s="181"/>
      <c r="AC50" s="181"/>
      <c r="AD50" s="181"/>
      <c r="AE50" s="181"/>
      <c r="AF50" s="181"/>
      <c r="AG50" s="181"/>
      <c r="AH50" s="181"/>
      <c r="AI50" s="181"/>
    </row>
    <row r="51" spans="1:38" ht="45">
      <c r="A51" s="20"/>
      <c r="B51" s="45" t="s">
        <v>126</v>
      </c>
      <c r="C51" s="60" t="s">
        <v>173</v>
      </c>
      <c r="D51" s="60" t="s">
        <v>180</v>
      </c>
      <c r="E51" s="61" t="s">
        <v>181</v>
      </c>
      <c r="F51" s="60" t="s">
        <v>36</v>
      </c>
      <c r="G51" s="60" t="s">
        <v>130</v>
      </c>
      <c r="H51" s="62" t="s">
        <v>173</v>
      </c>
      <c r="I51" s="62" t="s">
        <v>179</v>
      </c>
      <c r="J51" s="176" t="s">
        <v>182</v>
      </c>
      <c r="K51" s="116"/>
      <c r="L51" s="181"/>
      <c r="M51" s="181"/>
      <c r="N51" s="181"/>
      <c r="O51" s="181"/>
      <c r="P51" s="181"/>
      <c r="Q51" s="181"/>
      <c r="R51" s="181"/>
      <c r="S51" s="181"/>
      <c r="T51" s="181"/>
      <c r="U51" s="181"/>
      <c r="V51" s="181"/>
      <c r="W51" s="181"/>
      <c r="X51" s="181"/>
      <c r="Y51" s="181"/>
      <c r="Z51" s="181"/>
      <c r="AA51" s="181"/>
      <c r="AB51" s="181"/>
      <c r="AC51" s="181"/>
      <c r="AD51" s="181"/>
      <c r="AE51" s="181"/>
      <c r="AF51" s="181"/>
      <c r="AG51" s="181"/>
      <c r="AH51" s="181"/>
      <c r="AI51" s="181"/>
    </row>
    <row r="52" spans="1:38" ht="45">
      <c r="A52" s="20"/>
      <c r="B52" s="45" t="s">
        <v>126</v>
      </c>
      <c r="C52" s="60" t="s">
        <v>173</v>
      </c>
      <c r="D52" s="60" t="s">
        <v>183</v>
      </c>
      <c r="E52" s="61" t="s">
        <v>184</v>
      </c>
      <c r="F52" s="60" t="s">
        <v>36</v>
      </c>
      <c r="G52" s="60" t="s">
        <v>130</v>
      </c>
      <c r="H52" s="62" t="s">
        <v>173</v>
      </c>
      <c r="I52" s="62" t="s">
        <v>179</v>
      </c>
      <c r="J52" s="176" t="s">
        <v>133</v>
      </c>
      <c r="K52" s="116"/>
      <c r="L52" s="181"/>
      <c r="M52" s="181"/>
      <c r="N52" s="181"/>
      <c r="O52" s="181"/>
      <c r="P52" s="181"/>
      <c r="Q52" s="181"/>
      <c r="R52" s="181"/>
      <c r="S52" s="181"/>
      <c r="T52" s="181"/>
      <c r="U52" s="181"/>
      <c r="V52" s="181"/>
      <c r="W52" s="181"/>
      <c r="X52" s="181"/>
      <c r="Y52" s="181"/>
      <c r="Z52" s="181"/>
      <c r="AA52" s="181"/>
      <c r="AB52" s="181"/>
      <c r="AC52" s="181"/>
      <c r="AD52" s="181"/>
      <c r="AE52" s="181"/>
      <c r="AF52" s="181"/>
      <c r="AG52" s="181"/>
      <c r="AH52" s="181"/>
      <c r="AI52" s="181"/>
    </row>
    <row r="53" spans="1:38" ht="60">
      <c r="A53" s="20"/>
      <c r="B53" s="45" t="s">
        <v>126</v>
      </c>
      <c r="C53" s="60" t="s">
        <v>173</v>
      </c>
      <c r="D53" s="62" t="s">
        <v>185</v>
      </c>
      <c r="E53" s="61" t="s">
        <v>186</v>
      </c>
      <c r="F53" s="60" t="s">
        <v>36</v>
      </c>
      <c r="G53" s="60" t="s">
        <v>130</v>
      </c>
      <c r="H53" s="62" t="s">
        <v>173</v>
      </c>
      <c r="I53" s="62" t="s">
        <v>187</v>
      </c>
      <c r="J53" s="176" t="s">
        <v>133</v>
      </c>
      <c r="K53" s="116"/>
      <c r="L53" s="181"/>
      <c r="M53" s="181"/>
      <c r="N53" s="181"/>
      <c r="O53" s="181"/>
      <c r="P53" s="181"/>
      <c r="Q53" s="181"/>
      <c r="R53" s="181"/>
      <c r="S53" s="181"/>
      <c r="T53" s="181"/>
      <c r="U53" s="181"/>
      <c r="V53" s="181"/>
      <c r="W53" s="181"/>
      <c r="X53" s="181"/>
      <c r="Y53" s="181"/>
      <c r="Z53" s="181"/>
      <c r="AA53" s="181"/>
      <c r="AB53" s="181"/>
      <c r="AC53" s="181"/>
      <c r="AD53" s="181"/>
      <c r="AE53" s="181"/>
      <c r="AF53" s="181"/>
      <c r="AG53" s="181"/>
      <c r="AH53" s="181"/>
      <c r="AI53" s="181"/>
    </row>
    <row r="54" spans="1:38" ht="60">
      <c r="A54" s="20"/>
      <c r="B54" s="45" t="s">
        <v>126</v>
      </c>
      <c r="C54" s="60" t="s">
        <v>173</v>
      </c>
      <c r="D54" s="62" t="s">
        <v>188</v>
      </c>
      <c r="E54" s="61" t="s">
        <v>189</v>
      </c>
      <c r="F54" s="60" t="s">
        <v>36</v>
      </c>
      <c r="G54" s="60" t="s">
        <v>130</v>
      </c>
      <c r="H54" s="62" t="s">
        <v>173</v>
      </c>
      <c r="I54" s="62" t="s">
        <v>187</v>
      </c>
      <c r="J54" s="176" t="s">
        <v>133</v>
      </c>
      <c r="K54" s="116"/>
      <c r="L54" s="181"/>
      <c r="M54" s="181"/>
      <c r="N54" s="181"/>
      <c r="O54" s="181"/>
      <c r="P54" s="181"/>
      <c r="Q54" s="181"/>
      <c r="R54" s="181"/>
      <c r="S54" s="181"/>
      <c r="T54" s="181"/>
      <c r="U54" s="181"/>
      <c r="V54" s="181"/>
      <c r="W54" s="181"/>
      <c r="X54" s="181"/>
      <c r="Y54" s="181"/>
      <c r="Z54" s="181"/>
      <c r="AA54" s="181"/>
      <c r="AB54" s="181"/>
      <c r="AC54" s="181"/>
      <c r="AD54" s="181"/>
      <c r="AE54" s="181"/>
      <c r="AF54" s="181"/>
      <c r="AG54" s="181"/>
      <c r="AH54" s="181"/>
      <c r="AI54" s="181"/>
    </row>
    <row r="55" spans="1:38" ht="45">
      <c r="B55" s="45" t="s">
        <v>126</v>
      </c>
      <c r="C55" s="63" t="s">
        <v>190</v>
      </c>
      <c r="D55" s="64" t="s">
        <v>191</v>
      </c>
      <c r="E55" s="65" t="s">
        <v>192</v>
      </c>
      <c r="F55" s="66" t="s">
        <v>36</v>
      </c>
      <c r="G55" s="66" t="s">
        <v>130</v>
      </c>
      <c r="H55" s="67" t="s">
        <v>158</v>
      </c>
      <c r="I55" s="67" t="s">
        <v>193</v>
      </c>
      <c r="J55" s="177" t="s">
        <v>194</v>
      </c>
      <c r="K55" s="116"/>
      <c r="L55" s="181"/>
      <c r="M55" s="181"/>
      <c r="N55" s="181"/>
      <c r="O55" s="181"/>
      <c r="P55" s="181"/>
      <c r="Q55" s="181"/>
      <c r="R55" s="181"/>
      <c r="S55" s="181"/>
      <c r="T55" s="181"/>
      <c r="U55" s="181"/>
      <c r="V55" s="181"/>
      <c r="W55" s="181"/>
      <c r="X55" s="181"/>
      <c r="Y55" s="181"/>
      <c r="Z55" s="181"/>
      <c r="AA55" s="181"/>
      <c r="AB55" s="181"/>
      <c r="AC55" s="181"/>
      <c r="AD55" s="181"/>
      <c r="AE55" s="181"/>
      <c r="AF55" s="181"/>
      <c r="AG55" s="181"/>
      <c r="AH55" s="181"/>
      <c r="AI55" s="181"/>
    </row>
    <row r="56" spans="1:38" s="68" customFormat="1" ht="120">
      <c r="B56" s="50" t="s">
        <v>126</v>
      </c>
      <c r="C56" s="63" t="s">
        <v>190</v>
      </c>
      <c r="D56" s="64" t="s">
        <v>195</v>
      </c>
      <c r="E56" s="69" t="s">
        <v>196</v>
      </c>
      <c r="F56" s="66" t="s">
        <v>36</v>
      </c>
      <c r="G56" s="63" t="s">
        <v>130</v>
      </c>
      <c r="H56" s="67" t="s">
        <v>143</v>
      </c>
      <c r="I56" s="67" t="s">
        <v>76</v>
      </c>
      <c r="J56" s="177" t="s">
        <v>194</v>
      </c>
      <c r="K56" s="116"/>
      <c r="L56" s="181"/>
      <c r="M56" s="181"/>
      <c r="N56" s="181"/>
      <c r="O56" s="181"/>
      <c r="P56" s="181"/>
      <c r="Q56" s="181"/>
      <c r="R56" s="181"/>
      <c r="S56" s="181"/>
      <c r="T56" s="181"/>
      <c r="U56" s="181"/>
      <c r="V56" s="181"/>
      <c r="W56" s="181"/>
      <c r="X56" s="181"/>
      <c r="Y56" s="181"/>
      <c r="Z56" s="181"/>
      <c r="AA56" s="181"/>
      <c r="AB56" s="181"/>
      <c r="AC56" s="181"/>
      <c r="AD56" s="181"/>
      <c r="AE56" s="181"/>
      <c r="AF56" s="181"/>
      <c r="AG56" s="181"/>
      <c r="AH56" s="181"/>
      <c r="AI56" s="181"/>
      <c r="AJ56" s="186"/>
      <c r="AK56" s="186"/>
      <c r="AL56" s="186"/>
    </row>
    <row r="57" spans="1:38" s="54" customFormat="1" ht="120">
      <c r="B57" s="50" t="s">
        <v>126</v>
      </c>
      <c r="C57" s="63" t="s">
        <v>190</v>
      </c>
      <c r="D57" s="63" t="s">
        <v>197</v>
      </c>
      <c r="E57" s="69" t="s">
        <v>198</v>
      </c>
      <c r="F57" s="66" t="s">
        <v>36</v>
      </c>
      <c r="G57" s="63" t="s">
        <v>130</v>
      </c>
      <c r="H57" s="67" t="s">
        <v>143</v>
      </c>
      <c r="I57" s="67" t="s">
        <v>76</v>
      </c>
      <c r="J57" s="177" t="s">
        <v>194</v>
      </c>
      <c r="K57" s="116"/>
      <c r="L57" s="181"/>
      <c r="M57" s="181"/>
      <c r="N57" s="181"/>
      <c r="O57" s="181"/>
      <c r="P57" s="181"/>
      <c r="Q57" s="181"/>
      <c r="R57" s="181"/>
      <c r="S57" s="181"/>
      <c r="T57" s="181"/>
      <c r="U57" s="181"/>
      <c r="V57" s="181"/>
      <c r="W57" s="181"/>
      <c r="X57" s="181"/>
      <c r="Y57" s="181"/>
      <c r="Z57" s="181"/>
      <c r="AA57" s="181"/>
      <c r="AB57" s="181"/>
      <c r="AC57" s="181"/>
      <c r="AD57" s="181"/>
      <c r="AE57" s="181"/>
      <c r="AF57" s="181"/>
      <c r="AG57" s="181"/>
      <c r="AH57" s="181"/>
      <c r="AI57" s="181"/>
      <c r="AJ57" s="185"/>
      <c r="AK57" s="185"/>
      <c r="AL57" s="185"/>
    </row>
    <row r="58" spans="1:38" ht="120">
      <c r="A58" s="20"/>
      <c r="B58" s="45" t="s">
        <v>126</v>
      </c>
      <c r="C58" s="70" t="s">
        <v>199</v>
      </c>
      <c r="D58" s="71" t="s">
        <v>200</v>
      </c>
      <c r="E58" s="72" t="s">
        <v>201</v>
      </c>
      <c r="F58" s="70" t="s">
        <v>36</v>
      </c>
      <c r="G58" s="70" t="s">
        <v>130</v>
      </c>
      <c r="H58" s="73" t="s">
        <v>202</v>
      </c>
      <c r="I58" s="73" t="s">
        <v>203</v>
      </c>
      <c r="J58" s="176">
        <v>11</v>
      </c>
      <c r="K58" s="116"/>
      <c r="L58" s="181"/>
      <c r="M58" s="181"/>
      <c r="N58" s="181"/>
      <c r="O58" s="181"/>
      <c r="P58" s="181"/>
      <c r="Q58" s="181"/>
      <c r="R58" s="181"/>
      <c r="S58" s="181"/>
      <c r="T58" s="181"/>
      <c r="U58" s="181"/>
      <c r="V58" s="181"/>
      <c r="W58" s="181"/>
      <c r="X58" s="181"/>
      <c r="Y58" s="181"/>
      <c r="Z58" s="181"/>
      <c r="AA58" s="181"/>
      <c r="AB58" s="181"/>
      <c r="AC58" s="181"/>
      <c r="AD58" s="181"/>
      <c r="AE58" s="181"/>
      <c r="AF58" s="181"/>
      <c r="AG58" s="181"/>
      <c r="AH58" s="181"/>
      <c r="AI58" s="181"/>
    </row>
    <row r="59" spans="1:38" ht="150">
      <c r="A59" s="20"/>
      <c r="B59" s="45" t="s">
        <v>126</v>
      </c>
      <c r="C59" s="70" t="s">
        <v>199</v>
      </c>
      <c r="D59" s="71" t="s">
        <v>204</v>
      </c>
      <c r="E59" s="72" t="s">
        <v>205</v>
      </c>
      <c r="F59" s="70" t="s">
        <v>36</v>
      </c>
      <c r="G59" s="70" t="s">
        <v>130</v>
      </c>
      <c r="H59" s="73" t="s">
        <v>202</v>
      </c>
      <c r="I59" s="73" t="s">
        <v>203</v>
      </c>
      <c r="J59" s="176">
        <v>11</v>
      </c>
      <c r="K59" s="116"/>
      <c r="L59" s="181"/>
      <c r="M59" s="181"/>
      <c r="N59" s="181"/>
      <c r="O59" s="181"/>
      <c r="P59" s="181"/>
      <c r="Q59" s="181"/>
      <c r="R59" s="181"/>
      <c r="S59" s="181"/>
      <c r="T59" s="181"/>
      <c r="U59" s="181"/>
      <c r="V59" s="181"/>
      <c r="W59" s="181"/>
      <c r="X59" s="181"/>
      <c r="Y59" s="181"/>
      <c r="Z59" s="181"/>
      <c r="AA59" s="181"/>
      <c r="AB59" s="181"/>
      <c r="AC59" s="181"/>
      <c r="AD59" s="181"/>
      <c r="AE59" s="181"/>
      <c r="AF59" s="181"/>
      <c r="AG59" s="181"/>
      <c r="AH59" s="181"/>
      <c r="AI59" s="181"/>
    </row>
    <row r="60" spans="1:38" ht="165">
      <c r="A60" s="20"/>
      <c r="B60" s="45" t="s">
        <v>126</v>
      </c>
      <c r="C60" s="70" t="s">
        <v>199</v>
      </c>
      <c r="D60" s="71" t="s">
        <v>206</v>
      </c>
      <c r="E60" s="72" t="s">
        <v>207</v>
      </c>
      <c r="F60" s="70" t="s">
        <v>36</v>
      </c>
      <c r="G60" s="70" t="s">
        <v>130</v>
      </c>
      <c r="H60" s="73" t="s">
        <v>208</v>
      </c>
      <c r="I60" s="73" t="s">
        <v>203</v>
      </c>
      <c r="J60" s="176">
        <v>11</v>
      </c>
      <c r="K60" s="116"/>
      <c r="L60" s="181"/>
      <c r="M60" s="181"/>
      <c r="N60" s="181"/>
      <c r="O60" s="181"/>
      <c r="P60" s="181"/>
      <c r="Q60" s="181"/>
      <c r="R60" s="181"/>
      <c r="S60" s="181"/>
      <c r="T60" s="181"/>
      <c r="U60" s="181"/>
      <c r="V60" s="181"/>
      <c r="W60" s="181"/>
      <c r="X60" s="181"/>
      <c r="Y60" s="181"/>
      <c r="Z60" s="181"/>
      <c r="AA60" s="181"/>
      <c r="AB60" s="181"/>
      <c r="AC60" s="181"/>
      <c r="AD60" s="181"/>
      <c r="AE60" s="181"/>
      <c r="AF60" s="181"/>
      <c r="AG60" s="181"/>
      <c r="AH60" s="181"/>
      <c r="AI60" s="181"/>
    </row>
    <row r="61" spans="1:38" ht="105">
      <c r="A61" s="20"/>
      <c r="B61" s="45" t="s">
        <v>126</v>
      </c>
      <c r="C61" s="70" t="s">
        <v>199</v>
      </c>
      <c r="D61" s="71" t="s">
        <v>209</v>
      </c>
      <c r="E61" s="72" t="s">
        <v>210</v>
      </c>
      <c r="F61" s="70" t="s">
        <v>36</v>
      </c>
      <c r="G61" s="70" t="s">
        <v>130</v>
      </c>
      <c r="H61" s="73" t="s">
        <v>202</v>
      </c>
      <c r="I61" s="73" t="s">
        <v>203</v>
      </c>
      <c r="J61" s="176">
        <v>11</v>
      </c>
      <c r="K61" s="116"/>
      <c r="L61" s="181"/>
      <c r="M61" s="181"/>
      <c r="N61" s="181"/>
      <c r="O61" s="181"/>
      <c r="P61" s="181"/>
      <c r="Q61" s="181"/>
      <c r="R61" s="181"/>
      <c r="S61" s="181"/>
      <c r="T61" s="181"/>
      <c r="U61" s="181"/>
      <c r="V61" s="181"/>
      <c r="W61" s="181"/>
      <c r="X61" s="181"/>
      <c r="Y61" s="181"/>
      <c r="Z61" s="181"/>
      <c r="AA61" s="181"/>
      <c r="AB61" s="181"/>
      <c r="AC61" s="181"/>
      <c r="AD61" s="181"/>
      <c r="AE61" s="181"/>
      <c r="AF61" s="181"/>
      <c r="AG61" s="181"/>
      <c r="AH61" s="181"/>
      <c r="AI61" s="181"/>
    </row>
    <row r="62" spans="1:38" ht="105">
      <c r="A62" s="20"/>
      <c r="B62" s="45" t="s">
        <v>126</v>
      </c>
      <c r="C62" s="70" t="s">
        <v>199</v>
      </c>
      <c r="D62" s="71" t="s">
        <v>211</v>
      </c>
      <c r="E62" s="72" t="s">
        <v>212</v>
      </c>
      <c r="F62" s="70" t="s">
        <v>36</v>
      </c>
      <c r="G62" s="70" t="s">
        <v>130</v>
      </c>
      <c r="H62" s="73" t="s">
        <v>208</v>
      </c>
      <c r="I62" s="73" t="s">
        <v>203</v>
      </c>
      <c r="J62" s="176">
        <v>11</v>
      </c>
      <c r="K62" s="116"/>
      <c r="L62" s="181"/>
      <c r="M62" s="181"/>
      <c r="N62" s="181"/>
      <c r="O62" s="181"/>
      <c r="P62" s="181"/>
      <c r="Q62" s="181"/>
      <c r="R62" s="181"/>
      <c r="S62" s="181"/>
      <c r="T62" s="181"/>
      <c r="U62" s="181"/>
      <c r="V62" s="181"/>
      <c r="W62" s="181"/>
      <c r="X62" s="181"/>
      <c r="Y62" s="181"/>
      <c r="Z62" s="181"/>
      <c r="AA62" s="181"/>
      <c r="AB62" s="181"/>
      <c r="AC62" s="181"/>
      <c r="AD62" s="181"/>
      <c r="AE62" s="181"/>
      <c r="AF62" s="181"/>
      <c r="AG62" s="181"/>
      <c r="AH62" s="181"/>
      <c r="AI62" s="181"/>
    </row>
    <row r="63" spans="1:38" ht="105">
      <c r="A63" s="20"/>
      <c r="B63" s="45" t="s">
        <v>126</v>
      </c>
      <c r="C63" s="70" t="s">
        <v>199</v>
      </c>
      <c r="D63" s="71" t="s">
        <v>213</v>
      </c>
      <c r="E63" s="72" t="s">
        <v>214</v>
      </c>
      <c r="F63" s="70" t="s">
        <v>36</v>
      </c>
      <c r="G63" s="70" t="s">
        <v>130</v>
      </c>
      <c r="H63" s="73" t="s">
        <v>158</v>
      </c>
      <c r="I63" s="73" t="s">
        <v>215</v>
      </c>
      <c r="J63" s="176" t="s">
        <v>133</v>
      </c>
      <c r="K63" s="116"/>
      <c r="L63" s="181"/>
      <c r="M63" s="181"/>
      <c r="N63" s="181"/>
      <c r="O63" s="181"/>
      <c r="P63" s="181"/>
      <c r="Q63" s="181"/>
      <c r="R63" s="181"/>
      <c r="S63" s="181"/>
      <c r="T63" s="181"/>
      <c r="U63" s="181"/>
      <c r="V63" s="181"/>
      <c r="W63" s="181"/>
      <c r="X63" s="181"/>
      <c r="Y63" s="181"/>
      <c r="Z63" s="181"/>
      <c r="AA63" s="181"/>
      <c r="AB63" s="181"/>
      <c r="AC63" s="181"/>
      <c r="AD63" s="181"/>
      <c r="AE63" s="181"/>
      <c r="AF63" s="181"/>
      <c r="AG63" s="181"/>
      <c r="AH63" s="181"/>
      <c r="AI63" s="181"/>
    </row>
    <row r="64" spans="1:38" ht="90">
      <c r="A64" s="20"/>
      <c r="B64" s="45" t="s">
        <v>126</v>
      </c>
      <c r="C64" s="70" t="s">
        <v>199</v>
      </c>
      <c r="D64" s="71" t="s">
        <v>216</v>
      </c>
      <c r="E64" s="72" t="s">
        <v>217</v>
      </c>
      <c r="F64" s="70" t="s">
        <v>36</v>
      </c>
      <c r="G64" s="70" t="s">
        <v>130</v>
      </c>
      <c r="H64" s="73" t="s">
        <v>173</v>
      </c>
      <c r="I64" s="73" t="s">
        <v>203</v>
      </c>
      <c r="J64" s="176">
        <v>11</v>
      </c>
      <c r="K64" s="116"/>
      <c r="L64" s="181"/>
      <c r="M64" s="181"/>
      <c r="N64" s="181"/>
      <c r="O64" s="181"/>
      <c r="P64" s="181"/>
      <c r="Q64" s="181"/>
      <c r="R64" s="181"/>
      <c r="S64" s="181"/>
      <c r="T64" s="181"/>
      <c r="U64" s="181"/>
      <c r="V64" s="181"/>
      <c r="W64" s="181"/>
      <c r="X64" s="181"/>
      <c r="Y64" s="181"/>
      <c r="Z64" s="181"/>
      <c r="AA64" s="181"/>
      <c r="AB64" s="181"/>
      <c r="AC64" s="181"/>
      <c r="AD64" s="181"/>
      <c r="AE64" s="181"/>
      <c r="AF64" s="181"/>
      <c r="AG64" s="181"/>
      <c r="AH64" s="181"/>
      <c r="AI64" s="181"/>
    </row>
    <row r="65" spans="1:38" ht="150">
      <c r="A65" s="20"/>
      <c r="B65" s="45" t="s">
        <v>126</v>
      </c>
      <c r="C65" s="70" t="s">
        <v>199</v>
      </c>
      <c r="D65" s="71" t="s">
        <v>218</v>
      </c>
      <c r="E65" s="72" t="s">
        <v>219</v>
      </c>
      <c r="F65" s="70" t="s">
        <v>36</v>
      </c>
      <c r="G65" s="70" t="s">
        <v>130</v>
      </c>
      <c r="H65" s="73" t="s">
        <v>202</v>
      </c>
      <c r="I65" s="73" t="s">
        <v>203</v>
      </c>
      <c r="J65" s="176">
        <v>11</v>
      </c>
      <c r="K65" s="116"/>
      <c r="L65" s="181"/>
      <c r="M65" s="181"/>
      <c r="N65" s="181"/>
      <c r="O65" s="181"/>
      <c r="P65" s="181"/>
      <c r="Q65" s="181"/>
      <c r="R65" s="181"/>
      <c r="S65" s="181"/>
      <c r="T65" s="181"/>
      <c r="U65" s="181"/>
      <c r="V65" s="181"/>
      <c r="W65" s="181"/>
      <c r="X65" s="181"/>
      <c r="Y65" s="181"/>
      <c r="Z65" s="181"/>
      <c r="AA65" s="181"/>
      <c r="AB65" s="181"/>
      <c r="AC65" s="181"/>
      <c r="AD65" s="181"/>
      <c r="AE65" s="181"/>
      <c r="AF65" s="181"/>
      <c r="AG65" s="181"/>
      <c r="AH65" s="181"/>
      <c r="AI65" s="181"/>
    </row>
    <row r="66" spans="1:38" ht="120">
      <c r="A66" s="20"/>
      <c r="B66" s="45" t="s">
        <v>126</v>
      </c>
      <c r="C66" s="70" t="s">
        <v>199</v>
      </c>
      <c r="D66" s="71" t="s">
        <v>220</v>
      </c>
      <c r="E66" s="72" t="s">
        <v>221</v>
      </c>
      <c r="F66" s="70" t="s">
        <v>36</v>
      </c>
      <c r="G66" s="70" t="s">
        <v>130</v>
      </c>
      <c r="H66" s="73" t="s">
        <v>202</v>
      </c>
      <c r="I66" s="73" t="s">
        <v>222</v>
      </c>
      <c r="J66" s="176">
        <v>11</v>
      </c>
      <c r="K66" s="116"/>
      <c r="L66" s="181"/>
      <c r="M66" s="181"/>
      <c r="N66" s="181"/>
      <c r="O66" s="181"/>
      <c r="P66" s="181"/>
      <c r="Q66" s="181"/>
      <c r="R66" s="181"/>
      <c r="S66" s="181"/>
      <c r="T66" s="181"/>
      <c r="U66" s="181"/>
      <c r="V66" s="181"/>
      <c r="W66" s="181"/>
      <c r="X66" s="181"/>
      <c r="Y66" s="181"/>
      <c r="Z66" s="181"/>
      <c r="AA66" s="181"/>
      <c r="AB66" s="181"/>
      <c r="AC66" s="181"/>
      <c r="AD66" s="181"/>
      <c r="AE66" s="181"/>
      <c r="AF66" s="181"/>
      <c r="AG66" s="181"/>
      <c r="AH66" s="181"/>
      <c r="AI66" s="181"/>
    </row>
    <row r="67" spans="1:38" ht="90">
      <c r="A67" s="20"/>
      <c r="B67" s="45" t="s">
        <v>126</v>
      </c>
      <c r="C67" s="70" t="s">
        <v>199</v>
      </c>
      <c r="D67" s="71" t="s">
        <v>223</v>
      </c>
      <c r="E67" s="72" t="s">
        <v>224</v>
      </c>
      <c r="F67" s="70" t="s">
        <v>36</v>
      </c>
      <c r="G67" s="70" t="s">
        <v>130</v>
      </c>
      <c r="H67" s="73" t="s">
        <v>202</v>
      </c>
      <c r="I67" s="73" t="s">
        <v>203</v>
      </c>
      <c r="J67" s="176">
        <v>11</v>
      </c>
      <c r="K67" s="116"/>
      <c r="L67" s="181"/>
      <c r="M67" s="181"/>
      <c r="N67" s="181"/>
      <c r="O67" s="181"/>
      <c r="P67" s="181"/>
      <c r="Q67" s="181"/>
      <c r="R67" s="181"/>
      <c r="S67" s="181"/>
      <c r="T67" s="181"/>
      <c r="U67" s="181"/>
      <c r="V67" s="181"/>
      <c r="W67" s="181"/>
      <c r="X67" s="181"/>
      <c r="Y67" s="181"/>
      <c r="Z67" s="181"/>
      <c r="AA67" s="181"/>
      <c r="AB67" s="181"/>
      <c r="AC67" s="181"/>
      <c r="AD67" s="181"/>
      <c r="AE67" s="181"/>
      <c r="AF67" s="181"/>
      <c r="AG67" s="181"/>
      <c r="AH67" s="181"/>
      <c r="AI67" s="181"/>
    </row>
    <row r="68" spans="1:38" ht="90">
      <c r="A68" s="20"/>
      <c r="B68" s="45" t="s">
        <v>126</v>
      </c>
      <c r="C68" s="70" t="s">
        <v>199</v>
      </c>
      <c r="D68" s="71" t="s">
        <v>225</v>
      </c>
      <c r="E68" s="72" t="s">
        <v>226</v>
      </c>
      <c r="F68" s="70" t="s">
        <v>36</v>
      </c>
      <c r="G68" s="70" t="s">
        <v>130</v>
      </c>
      <c r="H68" s="73" t="s">
        <v>208</v>
      </c>
      <c r="I68" s="73" t="s">
        <v>203</v>
      </c>
      <c r="J68" s="176">
        <v>11</v>
      </c>
      <c r="K68" s="116"/>
      <c r="L68" s="181"/>
      <c r="M68" s="181"/>
      <c r="N68" s="181"/>
      <c r="O68" s="181"/>
      <c r="P68" s="181"/>
      <c r="Q68" s="181"/>
      <c r="R68" s="181"/>
      <c r="S68" s="181"/>
      <c r="T68" s="181"/>
      <c r="U68" s="181"/>
      <c r="V68" s="181"/>
      <c r="W68" s="181"/>
      <c r="X68" s="181"/>
      <c r="Y68" s="181"/>
      <c r="Z68" s="181"/>
      <c r="AA68" s="181"/>
      <c r="AB68" s="181"/>
      <c r="AC68" s="181"/>
      <c r="AD68" s="181"/>
      <c r="AE68" s="181"/>
      <c r="AF68" s="181"/>
      <c r="AG68" s="181"/>
      <c r="AH68" s="181"/>
      <c r="AI68" s="181"/>
    </row>
    <row r="69" spans="1:38" ht="165">
      <c r="A69" s="20"/>
      <c r="B69" s="45" t="s">
        <v>126</v>
      </c>
      <c r="C69" s="70" t="s">
        <v>199</v>
      </c>
      <c r="D69" s="71" t="s">
        <v>227</v>
      </c>
      <c r="E69" s="72" t="s">
        <v>228</v>
      </c>
      <c r="F69" s="70" t="s">
        <v>36</v>
      </c>
      <c r="G69" s="70" t="s">
        <v>130</v>
      </c>
      <c r="H69" s="73" t="s">
        <v>202</v>
      </c>
      <c r="I69" s="73" t="s">
        <v>203</v>
      </c>
      <c r="J69" s="176">
        <v>1</v>
      </c>
      <c r="K69" s="116"/>
      <c r="L69" s="181"/>
      <c r="M69" s="181"/>
      <c r="N69" s="181"/>
      <c r="O69" s="181"/>
      <c r="P69" s="181"/>
      <c r="Q69" s="181"/>
      <c r="R69" s="181"/>
      <c r="S69" s="181"/>
      <c r="T69" s="181"/>
      <c r="U69" s="181"/>
      <c r="V69" s="181"/>
      <c r="W69" s="181"/>
      <c r="X69" s="181"/>
      <c r="Y69" s="181"/>
      <c r="Z69" s="181"/>
      <c r="AA69" s="181"/>
      <c r="AB69" s="181"/>
      <c r="AC69" s="181"/>
      <c r="AD69" s="181"/>
      <c r="AE69" s="181"/>
      <c r="AF69" s="181"/>
      <c r="AG69" s="181"/>
      <c r="AH69" s="181"/>
      <c r="AI69" s="181"/>
    </row>
    <row r="70" spans="1:38" ht="150">
      <c r="A70" s="20"/>
      <c r="B70" s="45" t="s">
        <v>126</v>
      </c>
      <c r="C70" s="70" t="s">
        <v>199</v>
      </c>
      <c r="D70" s="71" t="s">
        <v>229</v>
      </c>
      <c r="E70" s="72" t="s">
        <v>230</v>
      </c>
      <c r="F70" s="70" t="s">
        <v>36</v>
      </c>
      <c r="G70" s="70" t="s">
        <v>130</v>
      </c>
      <c r="H70" s="73" t="s">
        <v>202</v>
      </c>
      <c r="I70" s="73" t="s">
        <v>203</v>
      </c>
      <c r="J70" s="176">
        <v>11</v>
      </c>
      <c r="K70" s="116"/>
      <c r="L70" s="181"/>
      <c r="M70" s="181"/>
      <c r="N70" s="181"/>
      <c r="O70" s="181"/>
      <c r="P70" s="181"/>
      <c r="Q70" s="181"/>
      <c r="R70" s="181"/>
      <c r="S70" s="181"/>
      <c r="T70" s="181"/>
      <c r="U70" s="181"/>
      <c r="V70" s="181"/>
      <c r="W70" s="181"/>
      <c r="X70" s="181"/>
      <c r="Y70" s="181"/>
      <c r="Z70" s="181"/>
      <c r="AA70" s="181"/>
      <c r="AB70" s="181"/>
      <c r="AC70" s="181"/>
      <c r="AD70" s="181"/>
      <c r="AE70" s="181"/>
      <c r="AF70" s="181"/>
      <c r="AG70" s="181"/>
      <c r="AH70" s="181"/>
      <c r="AI70" s="181"/>
    </row>
    <row r="71" spans="1:38" ht="90">
      <c r="A71" s="20"/>
      <c r="B71" s="50" t="s">
        <v>126</v>
      </c>
      <c r="C71" s="71" t="s">
        <v>199</v>
      </c>
      <c r="D71" s="71" t="s">
        <v>231</v>
      </c>
      <c r="E71" s="74" t="s">
        <v>232</v>
      </c>
      <c r="F71" s="70" t="s">
        <v>36</v>
      </c>
      <c r="G71" s="71" t="s">
        <v>130</v>
      </c>
      <c r="H71" s="73" t="s">
        <v>202</v>
      </c>
      <c r="I71" s="73" t="s">
        <v>203</v>
      </c>
      <c r="J71" s="177">
        <v>10</v>
      </c>
      <c r="K71" s="116"/>
      <c r="L71" s="181"/>
      <c r="M71" s="181"/>
      <c r="N71" s="181"/>
      <c r="O71" s="181"/>
      <c r="P71" s="181"/>
      <c r="Q71" s="181"/>
      <c r="R71" s="181"/>
      <c r="S71" s="181"/>
      <c r="T71" s="181"/>
      <c r="U71" s="181"/>
      <c r="V71" s="181"/>
      <c r="W71" s="181"/>
      <c r="X71" s="181"/>
      <c r="Y71" s="181"/>
      <c r="Z71" s="181"/>
      <c r="AA71" s="181"/>
      <c r="AB71" s="181"/>
      <c r="AC71" s="181"/>
      <c r="AD71" s="181"/>
      <c r="AE71" s="181"/>
      <c r="AF71" s="181"/>
      <c r="AG71" s="181"/>
      <c r="AH71" s="181"/>
      <c r="AI71" s="181"/>
    </row>
    <row r="72" spans="1:38" ht="90">
      <c r="A72" s="20"/>
      <c r="B72" s="45" t="s">
        <v>126</v>
      </c>
      <c r="C72" s="70" t="s">
        <v>199</v>
      </c>
      <c r="D72" s="71" t="s">
        <v>233</v>
      </c>
      <c r="E72" s="72" t="s">
        <v>234</v>
      </c>
      <c r="F72" s="70" t="s">
        <v>36</v>
      </c>
      <c r="G72" s="70" t="s">
        <v>130</v>
      </c>
      <c r="H72" s="73" t="s">
        <v>202</v>
      </c>
      <c r="I72" s="73" t="s">
        <v>203</v>
      </c>
      <c r="J72" s="176">
        <v>11</v>
      </c>
      <c r="K72" s="116"/>
      <c r="L72" s="181"/>
      <c r="M72" s="181"/>
      <c r="N72" s="181"/>
      <c r="O72" s="181"/>
      <c r="P72" s="181"/>
      <c r="Q72" s="181"/>
      <c r="R72" s="181"/>
      <c r="S72" s="181"/>
      <c r="T72" s="181"/>
      <c r="U72" s="181"/>
      <c r="V72" s="181"/>
      <c r="W72" s="181"/>
      <c r="X72" s="181"/>
      <c r="Y72" s="181"/>
      <c r="Z72" s="181"/>
      <c r="AA72" s="181"/>
      <c r="AB72" s="181"/>
      <c r="AC72" s="181"/>
      <c r="AD72" s="181"/>
      <c r="AE72" s="181"/>
      <c r="AF72" s="181"/>
      <c r="AG72" s="181"/>
      <c r="AH72" s="181"/>
      <c r="AI72" s="181"/>
    </row>
    <row r="73" spans="1:38" ht="135">
      <c r="A73" s="20"/>
      <c r="B73" s="45" t="s">
        <v>126</v>
      </c>
      <c r="C73" s="70" t="s">
        <v>199</v>
      </c>
      <c r="D73" s="71" t="s">
        <v>235</v>
      </c>
      <c r="E73" s="72" t="s">
        <v>236</v>
      </c>
      <c r="F73" s="70" t="s">
        <v>36</v>
      </c>
      <c r="G73" s="70" t="s">
        <v>130</v>
      </c>
      <c r="H73" s="73" t="s">
        <v>202</v>
      </c>
      <c r="I73" s="73" t="s">
        <v>203</v>
      </c>
      <c r="J73" s="176">
        <v>11</v>
      </c>
      <c r="K73" s="116"/>
      <c r="L73" s="181"/>
      <c r="M73" s="181"/>
      <c r="N73" s="181"/>
      <c r="O73" s="181"/>
      <c r="P73" s="181"/>
      <c r="Q73" s="181"/>
      <c r="R73" s="181"/>
      <c r="S73" s="181"/>
      <c r="T73" s="181"/>
      <c r="U73" s="181"/>
      <c r="V73" s="181"/>
      <c r="W73" s="181"/>
      <c r="X73" s="181"/>
      <c r="Y73" s="181"/>
      <c r="Z73" s="181"/>
      <c r="AA73" s="181"/>
      <c r="AB73" s="181"/>
      <c r="AC73" s="181"/>
      <c r="AD73" s="181"/>
      <c r="AE73" s="181"/>
      <c r="AF73" s="181"/>
      <c r="AG73" s="181"/>
      <c r="AH73" s="181"/>
      <c r="AI73" s="181"/>
    </row>
    <row r="74" spans="1:38" ht="150">
      <c r="A74" s="20"/>
      <c r="B74" s="45" t="s">
        <v>126</v>
      </c>
      <c r="C74" s="70" t="s">
        <v>199</v>
      </c>
      <c r="D74" s="71" t="s">
        <v>237</v>
      </c>
      <c r="E74" s="72" t="s">
        <v>238</v>
      </c>
      <c r="F74" s="70" t="s">
        <v>36</v>
      </c>
      <c r="G74" s="70" t="s">
        <v>130</v>
      </c>
      <c r="H74" s="73" t="s">
        <v>202</v>
      </c>
      <c r="I74" s="73" t="s">
        <v>203</v>
      </c>
      <c r="J74" s="176">
        <v>11</v>
      </c>
      <c r="K74" s="116"/>
      <c r="L74" s="181"/>
      <c r="M74" s="181"/>
      <c r="N74" s="181"/>
      <c r="O74" s="181"/>
      <c r="P74" s="181"/>
      <c r="Q74" s="181"/>
      <c r="R74" s="181"/>
      <c r="S74" s="181"/>
      <c r="T74" s="181"/>
      <c r="U74" s="181"/>
      <c r="V74" s="181"/>
      <c r="W74" s="181"/>
      <c r="X74" s="181"/>
      <c r="Y74" s="181"/>
      <c r="Z74" s="181"/>
      <c r="AA74" s="181"/>
      <c r="AB74" s="181"/>
      <c r="AC74" s="181"/>
      <c r="AD74" s="181"/>
      <c r="AE74" s="181"/>
      <c r="AF74" s="181"/>
      <c r="AG74" s="181"/>
      <c r="AH74" s="181"/>
      <c r="AI74" s="181"/>
    </row>
    <row r="75" spans="1:38" ht="90">
      <c r="A75" s="20"/>
      <c r="B75" s="45" t="s">
        <v>126</v>
      </c>
      <c r="C75" s="71" t="s">
        <v>239</v>
      </c>
      <c r="D75" s="71" t="s">
        <v>240</v>
      </c>
      <c r="E75" s="72" t="s">
        <v>241</v>
      </c>
      <c r="F75" s="70" t="s">
        <v>36</v>
      </c>
      <c r="G75" s="70" t="s">
        <v>130</v>
      </c>
      <c r="H75" s="73" t="s">
        <v>242</v>
      </c>
      <c r="I75" s="73" t="s">
        <v>203</v>
      </c>
      <c r="J75" s="176">
        <v>11</v>
      </c>
      <c r="K75" s="116"/>
      <c r="L75" s="181"/>
      <c r="M75" s="181"/>
      <c r="N75" s="181"/>
      <c r="O75" s="181"/>
      <c r="P75" s="181"/>
      <c r="Q75" s="181"/>
      <c r="R75" s="181"/>
      <c r="S75" s="181"/>
      <c r="T75" s="181"/>
      <c r="U75" s="181"/>
      <c r="V75" s="181"/>
      <c r="W75" s="181"/>
      <c r="X75" s="181"/>
      <c r="Y75" s="181"/>
      <c r="Z75" s="181"/>
      <c r="AA75" s="181"/>
      <c r="AB75" s="181"/>
      <c r="AC75" s="181"/>
      <c r="AD75" s="181"/>
      <c r="AE75" s="181"/>
      <c r="AF75" s="181"/>
      <c r="AG75" s="181"/>
      <c r="AH75" s="181"/>
      <c r="AI75" s="181"/>
    </row>
    <row r="76" spans="1:38" ht="105">
      <c r="A76" s="20"/>
      <c r="B76" s="45" t="s">
        <v>126</v>
      </c>
      <c r="C76" s="71" t="s">
        <v>239</v>
      </c>
      <c r="D76" s="71" t="s">
        <v>243</v>
      </c>
      <c r="E76" s="72" t="s">
        <v>244</v>
      </c>
      <c r="F76" s="70" t="s">
        <v>36</v>
      </c>
      <c r="G76" s="70" t="s">
        <v>130</v>
      </c>
      <c r="H76" s="73" t="s">
        <v>208</v>
      </c>
      <c r="I76" s="73" t="s">
        <v>100</v>
      </c>
      <c r="J76" s="176">
        <v>11</v>
      </c>
      <c r="K76" s="116"/>
      <c r="L76" s="181"/>
      <c r="M76" s="181"/>
      <c r="N76" s="181"/>
      <c r="O76" s="181"/>
      <c r="P76" s="181"/>
      <c r="Q76" s="181"/>
      <c r="R76" s="181"/>
      <c r="S76" s="181"/>
      <c r="T76" s="181"/>
      <c r="U76" s="181"/>
      <c r="V76" s="181"/>
      <c r="W76" s="181"/>
      <c r="X76" s="181"/>
      <c r="Y76" s="181"/>
      <c r="Z76" s="181"/>
      <c r="AA76" s="181"/>
      <c r="AB76" s="181"/>
      <c r="AC76" s="181"/>
      <c r="AD76" s="181"/>
      <c r="AE76" s="181"/>
      <c r="AF76" s="181"/>
      <c r="AG76" s="181"/>
      <c r="AH76" s="181"/>
      <c r="AI76" s="181"/>
    </row>
    <row r="77" spans="1:38" ht="90">
      <c r="A77" s="20"/>
      <c r="B77" s="45" t="s">
        <v>126</v>
      </c>
      <c r="C77" s="71" t="s">
        <v>239</v>
      </c>
      <c r="D77" s="71" t="s">
        <v>245</v>
      </c>
      <c r="E77" s="72" t="s">
        <v>246</v>
      </c>
      <c r="F77" s="70" t="s">
        <v>75</v>
      </c>
      <c r="G77" s="70" t="s">
        <v>247</v>
      </c>
      <c r="H77" s="73" t="s">
        <v>158</v>
      </c>
      <c r="I77" s="73" t="s">
        <v>76</v>
      </c>
      <c r="J77" s="176" t="s">
        <v>133</v>
      </c>
      <c r="K77" s="116"/>
      <c r="L77" s="181"/>
      <c r="M77" s="181"/>
      <c r="N77" s="181"/>
      <c r="O77" s="181"/>
      <c r="P77" s="181"/>
      <c r="Q77" s="181"/>
      <c r="R77" s="181"/>
      <c r="S77" s="181"/>
      <c r="T77" s="181"/>
      <c r="U77" s="181"/>
      <c r="V77" s="181"/>
      <c r="W77" s="181"/>
      <c r="X77" s="181"/>
      <c r="Y77" s="181"/>
      <c r="Z77" s="181"/>
      <c r="AA77" s="181"/>
      <c r="AB77" s="181"/>
      <c r="AC77" s="181"/>
      <c r="AD77" s="181"/>
      <c r="AE77" s="181"/>
      <c r="AF77" s="181"/>
      <c r="AG77" s="181"/>
      <c r="AH77" s="181"/>
      <c r="AI77" s="181"/>
    </row>
    <row r="78" spans="1:38" s="54" customFormat="1" ht="90">
      <c r="A78" s="43"/>
      <c r="B78" s="50" t="s">
        <v>126</v>
      </c>
      <c r="C78" s="71" t="s">
        <v>239</v>
      </c>
      <c r="D78" s="71" t="s">
        <v>248</v>
      </c>
      <c r="E78" s="74" t="s">
        <v>249</v>
      </c>
      <c r="F78" s="70" t="s">
        <v>75</v>
      </c>
      <c r="G78" s="71" t="s">
        <v>130</v>
      </c>
      <c r="H78" s="73" t="s">
        <v>202</v>
      </c>
      <c r="I78" s="73" t="s">
        <v>76</v>
      </c>
      <c r="J78" s="177">
        <v>11</v>
      </c>
      <c r="K78" s="116"/>
      <c r="L78" s="181"/>
      <c r="M78" s="181"/>
      <c r="N78" s="181"/>
      <c r="O78" s="181"/>
      <c r="P78" s="181"/>
      <c r="Q78" s="181"/>
      <c r="R78" s="181"/>
      <c r="S78" s="181"/>
      <c r="T78" s="181"/>
      <c r="U78" s="181"/>
      <c r="V78" s="181"/>
      <c r="W78" s="181"/>
      <c r="X78" s="181"/>
      <c r="Y78" s="181"/>
      <c r="Z78" s="181"/>
      <c r="AA78" s="181"/>
      <c r="AB78" s="181"/>
      <c r="AC78" s="181"/>
      <c r="AD78" s="181"/>
      <c r="AE78" s="181"/>
      <c r="AF78" s="181"/>
      <c r="AG78" s="181"/>
      <c r="AH78" s="181"/>
      <c r="AI78" s="181"/>
      <c r="AJ78" s="185"/>
      <c r="AK78" s="185"/>
      <c r="AL78" s="185"/>
    </row>
    <row r="79" spans="1:38" ht="75">
      <c r="A79" s="20"/>
      <c r="B79" s="45" t="s">
        <v>126</v>
      </c>
      <c r="C79" s="71" t="s">
        <v>239</v>
      </c>
      <c r="D79" s="71" t="s">
        <v>250</v>
      </c>
      <c r="E79" s="74" t="s">
        <v>251</v>
      </c>
      <c r="F79" s="70" t="s">
        <v>36</v>
      </c>
      <c r="G79" s="71" t="s">
        <v>130</v>
      </c>
      <c r="H79" s="73" t="s">
        <v>158</v>
      </c>
      <c r="I79" s="73" t="s">
        <v>252</v>
      </c>
      <c r="J79" s="176" t="s">
        <v>133</v>
      </c>
      <c r="K79" s="116"/>
      <c r="L79" s="181"/>
      <c r="M79" s="181"/>
      <c r="N79" s="181"/>
      <c r="O79" s="181"/>
      <c r="P79" s="181"/>
      <c r="Q79" s="181"/>
      <c r="R79" s="181"/>
      <c r="S79" s="181"/>
      <c r="T79" s="181"/>
      <c r="U79" s="181"/>
      <c r="V79" s="181"/>
      <c r="W79" s="181"/>
      <c r="X79" s="181"/>
      <c r="Y79" s="181"/>
      <c r="Z79" s="181"/>
      <c r="AA79" s="181"/>
      <c r="AB79" s="181"/>
      <c r="AC79" s="181"/>
      <c r="AD79" s="181"/>
      <c r="AE79" s="181"/>
      <c r="AF79" s="181"/>
      <c r="AG79" s="181"/>
      <c r="AH79" s="181"/>
      <c r="AI79" s="181"/>
    </row>
    <row r="80" spans="1:38" ht="75">
      <c r="A80" s="20"/>
      <c r="B80" s="45" t="s">
        <v>126</v>
      </c>
      <c r="C80" s="71" t="s">
        <v>239</v>
      </c>
      <c r="D80" s="71" t="s">
        <v>253</v>
      </c>
      <c r="E80" s="74" t="s">
        <v>254</v>
      </c>
      <c r="F80" s="70" t="s">
        <v>36</v>
      </c>
      <c r="G80" s="71" t="s">
        <v>130</v>
      </c>
      <c r="H80" s="73" t="s">
        <v>158</v>
      </c>
      <c r="I80" s="73" t="s">
        <v>252</v>
      </c>
      <c r="J80" s="176" t="s">
        <v>133</v>
      </c>
      <c r="K80" s="116"/>
      <c r="L80" s="181"/>
      <c r="M80" s="181"/>
      <c r="N80" s="181"/>
      <c r="O80" s="181"/>
      <c r="P80" s="181"/>
      <c r="Q80" s="181"/>
      <c r="R80" s="181"/>
      <c r="S80" s="181"/>
      <c r="T80" s="181"/>
      <c r="U80" s="181"/>
      <c r="V80" s="181"/>
      <c r="W80" s="181"/>
      <c r="X80" s="181"/>
      <c r="Y80" s="181"/>
      <c r="Z80" s="181"/>
      <c r="AA80" s="181"/>
      <c r="AB80" s="181"/>
      <c r="AC80" s="181"/>
      <c r="AD80" s="181"/>
      <c r="AE80" s="181"/>
      <c r="AF80" s="181"/>
      <c r="AG80" s="181"/>
      <c r="AH80" s="181"/>
      <c r="AI80" s="181"/>
    </row>
    <row r="81" spans="1:38" ht="90">
      <c r="A81" s="20"/>
      <c r="B81" s="45" t="s">
        <v>126</v>
      </c>
      <c r="C81" s="71" t="s">
        <v>239</v>
      </c>
      <c r="D81" s="71" t="s">
        <v>255</v>
      </c>
      <c r="E81" s="74" t="s">
        <v>256</v>
      </c>
      <c r="F81" s="70" t="s">
        <v>36</v>
      </c>
      <c r="G81" s="71" t="s">
        <v>130</v>
      </c>
      <c r="H81" s="73" t="s">
        <v>158</v>
      </c>
      <c r="I81" s="73" t="s">
        <v>165</v>
      </c>
      <c r="J81" s="176" t="s">
        <v>133</v>
      </c>
      <c r="K81" s="116"/>
      <c r="L81" s="181"/>
      <c r="M81" s="181"/>
      <c r="N81" s="181"/>
      <c r="O81" s="181"/>
      <c r="P81" s="181"/>
      <c r="Q81" s="181"/>
      <c r="R81" s="181"/>
      <c r="S81" s="181"/>
      <c r="T81" s="181"/>
      <c r="U81" s="181"/>
      <c r="V81" s="181"/>
      <c r="W81" s="181"/>
      <c r="X81" s="181"/>
      <c r="Y81" s="181"/>
      <c r="Z81" s="181"/>
      <c r="AA81" s="181"/>
      <c r="AB81" s="181"/>
      <c r="AC81" s="181"/>
      <c r="AD81" s="181"/>
      <c r="AE81" s="181"/>
      <c r="AF81" s="181"/>
      <c r="AG81" s="181"/>
      <c r="AH81" s="181"/>
      <c r="AI81" s="181"/>
    </row>
    <row r="82" spans="1:38" ht="120">
      <c r="A82" s="20"/>
      <c r="B82" s="45" t="s">
        <v>126</v>
      </c>
      <c r="C82" s="70" t="s">
        <v>239</v>
      </c>
      <c r="D82" s="71" t="s">
        <v>257</v>
      </c>
      <c r="E82" s="72" t="s">
        <v>258</v>
      </c>
      <c r="F82" s="70" t="s">
        <v>36</v>
      </c>
      <c r="G82" s="70" t="s">
        <v>130</v>
      </c>
      <c r="H82" s="73" t="s">
        <v>208</v>
      </c>
      <c r="I82" s="73" t="s">
        <v>203</v>
      </c>
      <c r="J82" s="176">
        <v>11</v>
      </c>
      <c r="K82" s="116"/>
      <c r="L82" s="181"/>
      <c r="M82" s="181"/>
      <c r="N82" s="181"/>
      <c r="O82" s="181"/>
      <c r="P82" s="181"/>
      <c r="Q82" s="181"/>
      <c r="R82" s="181"/>
      <c r="S82" s="181"/>
      <c r="T82" s="181"/>
      <c r="U82" s="181"/>
      <c r="V82" s="181"/>
      <c r="W82" s="181"/>
      <c r="X82" s="181"/>
      <c r="Y82" s="181"/>
      <c r="Z82" s="181"/>
      <c r="AA82" s="181"/>
      <c r="AB82" s="181"/>
      <c r="AC82" s="181"/>
      <c r="AD82" s="181"/>
      <c r="AE82" s="181"/>
      <c r="AF82" s="181"/>
      <c r="AG82" s="181"/>
      <c r="AH82" s="181"/>
      <c r="AI82" s="181"/>
    </row>
    <row r="83" spans="1:38" ht="90">
      <c r="A83" s="20"/>
      <c r="B83" s="45" t="s">
        <v>126</v>
      </c>
      <c r="C83" s="70" t="s">
        <v>239</v>
      </c>
      <c r="D83" s="71" t="s">
        <v>259</v>
      </c>
      <c r="E83" s="72" t="s">
        <v>260</v>
      </c>
      <c r="F83" s="70" t="s">
        <v>36</v>
      </c>
      <c r="G83" s="70" t="s">
        <v>130</v>
      </c>
      <c r="H83" s="73" t="s">
        <v>202</v>
      </c>
      <c r="I83" s="73" t="s">
        <v>146</v>
      </c>
      <c r="J83" s="176" t="s">
        <v>133</v>
      </c>
      <c r="K83" s="116"/>
      <c r="L83" s="181"/>
      <c r="M83" s="181"/>
      <c r="N83" s="181"/>
      <c r="O83" s="181"/>
      <c r="P83" s="181"/>
      <c r="Q83" s="181"/>
      <c r="R83" s="181"/>
      <c r="S83" s="181"/>
      <c r="T83" s="181"/>
      <c r="U83" s="181"/>
      <c r="V83" s="181"/>
      <c r="W83" s="181"/>
      <c r="X83" s="181"/>
      <c r="Y83" s="181"/>
      <c r="Z83" s="181"/>
      <c r="AA83" s="181"/>
      <c r="AB83" s="181"/>
      <c r="AC83" s="181"/>
      <c r="AD83" s="181"/>
      <c r="AE83" s="181"/>
      <c r="AF83" s="181"/>
      <c r="AG83" s="181"/>
      <c r="AH83" s="181"/>
      <c r="AI83" s="181"/>
    </row>
    <row r="84" spans="1:38" ht="150">
      <c r="A84" s="20"/>
      <c r="B84" s="45" t="s">
        <v>126</v>
      </c>
      <c r="C84" s="70" t="s">
        <v>239</v>
      </c>
      <c r="D84" s="71" t="s">
        <v>261</v>
      </c>
      <c r="E84" s="72" t="s">
        <v>262</v>
      </c>
      <c r="F84" s="70" t="s">
        <v>36</v>
      </c>
      <c r="G84" s="70" t="s">
        <v>247</v>
      </c>
      <c r="H84" s="73" t="s">
        <v>263</v>
      </c>
      <c r="I84" s="73" t="s">
        <v>203</v>
      </c>
      <c r="J84" s="176">
        <v>11</v>
      </c>
      <c r="K84" s="116"/>
      <c r="L84" s="181"/>
      <c r="M84" s="181"/>
      <c r="N84" s="181"/>
      <c r="O84" s="181"/>
      <c r="P84" s="181"/>
      <c r="Q84" s="181"/>
      <c r="R84" s="181"/>
      <c r="S84" s="181"/>
      <c r="T84" s="181"/>
      <c r="U84" s="181"/>
      <c r="V84" s="181"/>
      <c r="W84" s="181"/>
      <c r="X84" s="181"/>
      <c r="Y84" s="181"/>
      <c r="Z84" s="181"/>
      <c r="AA84" s="181"/>
      <c r="AB84" s="181"/>
      <c r="AC84" s="181"/>
      <c r="AD84" s="181"/>
      <c r="AE84" s="181"/>
      <c r="AF84" s="181"/>
      <c r="AG84" s="181"/>
      <c r="AH84" s="181"/>
      <c r="AI84" s="181"/>
    </row>
    <row r="85" spans="1:38" ht="90">
      <c r="A85" s="20"/>
      <c r="B85" s="45" t="s">
        <v>126</v>
      </c>
      <c r="C85" s="70" t="s">
        <v>239</v>
      </c>
      <c r="D85" s="71" t="s">
        <v>264</v>
      </c>
      <c r="E85" s="72" t="s">
        <v>265</v>
      </c>
      <c r="F85" s="70" t="s">
        <v>36</v>
      </c>
      <c r="G85" s="70" t="s">
        <v>130</v>
      </c>
      <c r="H85" s="73" t="s">
        <v>202</v>
      </c>
      <c r="I85" s="73" t="s">
        <v>146</v>
      </c>
      <c r="J85" s="176" t="s">
        <v>133</v>
      </c>
      <c r="K85" s="116"/>
      <c r="L85" s="181"/>
      <c r="M85" s="181"/>
      <c r="N85" s="181"/>
      <c r="O85" s="181"/>
      <c r="P85" s="181"/>
      <c r="Q85" s="181"/>
      <c r="R85" s="181"/>
      <c r="S85" s="181"/>
      <c r="T85" s="181"/>
      <c r="U85" s="181"/>
      <c r="V85" s="181"/>
      <c r="W85" s="181"/>
      <c r="X85" s="181"/>
      <c r="Y85" s="181"/>
      <c r="Z85" s="181"/>
      <c r="AA85" s="181"/>
      <c r="AB85" s="181"/>
      <c r="AC85" s="181"/>
      <c r="AD85" s="181"/>
      <c r="AE85" s="181"/>
      <c r="AF85" s="181"/>
      <c r="AG85" s="181"/>
      <c r="AH85" s="181"/>
      <c r="AI85" s="181"/>
    </row>
    <row r="86" spans="1:38" ht="90">
      <c r="A86" s="20"/>
      <c r="B86" s="45" t="s">
        <v>126</v>
      </c>
      <c r="C86" s="70" t="s">
        <v>239</v>
      </c>
      <c r="D86" s="71" t="s">
        <v>266</v>
      </c>
      <c r="E86" s="72" t="s">
        <v>267</v>
      </c>
      <c r="F86" s="70" t="s">
        <v>75</v>
      </c>
      <c r="G86" s="70" t="s">
        <v>130</v>
      </c>
      <c r="H86" s="73" t="s">
        <v>202</v>
      </c>
      <c r="I86" s="73" t="s">
        <v>76</v>
      </c>
      <c r="J86" s="176" t="s">
        <v>133</v>
      </c>
      <c r="K86" s="116"/>
      <c r="L86" s="181"/>
      <c r="M86" s="181"/>
      <c r="N86" s="181"/>
      <c r="O86" s="181"/>
      <c r="P86" s="181"/>
      <c r="Q86" s="181"/>
      <c r="R86" s="181"/>
      <c r="S86" s="181"/>
      <c r="T86" s="181"/>
      <c r="U86" s="181"/>
      <c r="V86" s="181"/>
      <c r="W86" s="181"/>
      <c r="X86" s="181"/>
      <c r="Y86" s="181"/>
      <c r="Z86" s="181"/>
      <c r="AA86" s="181"/>
      <c r="AB86" s="181"/>
      <c r="AC86" s="181"/>
      <c r="AD86" s="181"/>
      <c r="AE86" s="181"/>
      <c r="AF86" s="181"/>
      <c r="AG86" s="181"/>
      <c r="AH86" s="181"/>
      <c r="AI86" s="181"/>
    </row>
    <row r="87" spans="1:38" ht="90">
      <c r="A87" s="20"/>
      <c r="B87" s="45" t="s">
        <v>126</v>
      </c>
      <c r="C87" s="71" t="s">
        <v>239</v>
      </c>
      <c r="D87" s="71" t="s">
        <v>268</v>
      </c>
      <c r="E87" s="72" t="s">
        <v>269</v>
      </c>
      <c r="F87" s="70" t="s">
        <v>75</v>
      </c>
      <c r="G87" s="70" t="s">
        <v>247</v>
      </c>
      <c r="H87" s="73" t="s">
        <v>158</v>
      </c>
      <c r="I87" s="73" t="s">
        <v>76</v>
      </c>
      <c r="J87" s="176" t="s">
        <v>133</v>
      </c>
      <c r="K87" s="116"/>
      <c r="L87" s="181"/>
      <c r="M87" s="181"/>
      <c r="N87" s="181"/>
      <c r="O87" s="181"/>
      <c r="P87" s="181"/>
      <c r="Q87" s="181"/>
      <c r="R87" s="181"/>
      <c r="S87" s="181"/>
      <c r="T87" s="181"/>
      <c r="U87" s="181"/>
      <c r="V87" s="181"/>
      <c r="W87" s="181"/>
      <c r="X87" s="181"/>
      <c r="Y87" s="181"/>
      <c r="Z87" s="181"/>
      <c r="AA87" s="181"/>
      <c r="AB87" s="181"/>
      <c r="AC87" s="181"/>
      <c r="AD87" s="181"/>
      <c r="AE87" s="181"/>
      <c r="AF87" s="181"/>
      <c r="AG87" s="181"/>
      <c r="AH87" s="181"/>
      <c r="AI87" s="181"/>
    </row>
    <row r="88" spans="1:38" ht="90">
      <c r="A88" s="20"/>
      <c r="B88" s="45" t="s">
        <v>126</v>
      </c>
      <c r="C88" s="71" t="s">
        <v>239</v>
      </c>
      <c r="D88" s="71" t="s">
        <v>270</v>
      </c>
      <c r="E88" s="72" t="s">
        <v>271</v>
      </c>
      <c r="F88" s="70" t="s">
        <v>75</v>
      </c>
      <c r="G88" s="70" t="s">
        <v>130</v>
      </c>
      <c r="H88" s="73" t="s">
        <v>202</v>
      </c>
      <c r="I88" s="73" t="s">
        <v>76</v>
      </c>
      <c r="J88" s="176" t="s">
        <v>133</v>
      </c>
      <c r="K88" s="116"/>
      <c r="L88" s="181"/>
      <c r="M88" s="181"/>
      <c r="N88" s="181"/>
      <c r="O88" s="181"/>
      <c r="P88" s="181"/>
      <c r="Q88" s="181"/>
      <c r="R88" s="181"/>
      <c r="S88" s="181"/>
      <c r="T88" s="181"/>
      <c r="U88" s="181"/>
      <c r="V88" s="181"/>
      <c r="W88" s="181"/>
      <c r="X88" s="181"/>
      <c r="Y88" s="181"/>
      <c r="Z88" s="181"/>
      <c r="AA88" s="181"/>
      <c r="AB88" s="181"/>
      <c r="AC88" s="181"/>
      <c r="AD88" s="181"/>
      <c r="AE88" s="181"/>
      <c r="AF88" s="181"/>
      <c r="AG88" s="181"/>
      <c r="AH88" s="181"/>
      <c r="AI88" s="181"/>
    </row>
    <row r="89" spans="1:38" s="54" customFormat="1" ht="90">
      <c r="A89" s="43"/>
      <c r="B89" s="50" t="s">
        <v>126</v>
      </c>
      <c r="C89" s="71" t="s">
        <v>239</v>
      </c>
      <c r="D89" s="71" t="s">
        <v>272</v>
      </c>
      <c r="E89" s="74" t="s">
        <v>273</v>
      </c>
      <c r="F89" s="70" t="s">
        <v>75</v>
      </c>
      <c r="G89" s="71" t="s">
        <v>130</v>
      </c>
      <c r="H89" s="73" t="s">
        <v>202</v>
      </c>
      <c r="I89" s="73" t="s">
        <v>76</v>
      </c>
      <c r="J89" s="177">
        <v>10</v>
      </c>
      <c r="K89" s="116"/>
      <c r="L89" s="181"/>
      <c r="M89" s="181"/>
      <c r="N89" s="181"/>
      <c r="O89" s="181"/>
      <c r="P89" s="181"/>
      <c r="Q89" s="181"/>
      <c r="R89" s="181"/>
      <c r="S89" s="181"/>
      <c r="T89" s="181"/>
      <c r="U89" s="181"/>
      <c r="V89" s="181"/>
      <c r="W89" s="181"/>
      <c r="X89" s="181"/>
      <c r="Y89" s="181"/>
      <c r="Z89" s="181"/>
      <c r="AA89" s="181"/>
      <c r="AB89" s="181"/>
      <c r="AC89" s="181"/>
      <c r="AD89" s="181"/>
      <c r="AE89" s="181"/>
      <c r="AF89" s="181"/>
      <c r="AG89" s="181"/>
      <c r="AH89" s="181"/>
      <c r="AI89" s="181"/>
      <c r="AJ89" s="185"/>
      <c r="AK89" s="185"/>
      <c r="AL89" s="185"/>
    </row>
    <row r="90" spans="1:38" ht="90">
      <c r="A90" s="20"/>
      <c r="B90" s="45" t="s">
        <v>126</v>
      </c>
      <c r="C90" s="70" t="s">
        <v>239</v>
      </c>
      <c r="D90" s="71" t="s">
        <v>274</v>
      </c>
      <c r="E90" s="72" t="s">
        <v>275</v>
      </c>
      <c r="F90" s="70" t="s">
        <v>75</v>
      </c>
      <c r="G90" s="70" t="s">
        <v>130</v>
      </c>
      <c r="H90" s="73" t="s">
        <v>202</v>
      </c>
      <c r="I90" s="73" t="s">
        <v>76</v>
      </c>
      <c r="J90" s="176" t="s">
        <v>133</v>
      </c>
      <c r="K90" s="116"/>
      <c r="L90" s="181"/>
      <c r="M90" s="181"/>
      <c r="N90" s="181"/>
      <c r="O90" s="181"/>
      <c r="P90" s="181"/>
      <c r="Q90" s="181"/>
      <c r="R90" s="181"/>
      <c r="S90" s="181"/>
      <c r="T90" s="181"/>
      <c r="U90" s="181"/>
      <c r="V90" s="181"/>
      <c r="W90" s="181"/>
      <c r="X90" s="181"/>
      <c r="Y90" s="181"/>
      <c r="Z90" s="181"/>
      <c r="AA90" s="181"/>
      <c r="AB90" s="181"/>
      <c r="AC90" s="181"/>
      <c r="AD90" s="181"/>
      <c r="AE90" s="181"/>
      <c r="AF90" s="181"/>
      <c r="AG90" s="181"/>
      <c r="AH90" s="181"/>
      <c r="AI90" s="181"/>
    </row>
    <row r="91" spans="1:38" ht="75">
      <c r="A91" s="20"/>
      <c r="B91" s="45" t="s">
        <v>126</v>
      </c>
      <c r="C91" s="70" t="s">
        <v>239</v>
      </c>
      <c r="D91" s="71" t="s">
        <v>276</v>
      </c>
      <c r="E91" s="72" t="s">
        <v>277</v>
      </c>
      <c r="F91" s="70" t="s">
        <v>75</v>
      </c>
      <c r="G91" s="70" t="s">
        <v>130</v>
      </c>
      <c r="H91" s="73" t="s">
        <v>202</v>
      </c>
      <c r="I91" s="73" t="s">
        <v>76</v>
      </c>
      <c r="J91" s="176" t="s">
        <v>133</v>
      </c>
      <c r="K91" s="116"/>
      <c r="L91" s="181"/>
      <c r="M91" s="181"/>
      <c r="N91" s="181"/>
      <c r="O91" s="181"/>
      <c r="P91" s="181"/>
      <c r="Q91" s="181"/>
      <c r="R91" s="181"/>
      <c r="S91" s="181"/>
      <c r="T91" s="181"/>
      <c r="U91" s="181"/>
      <c r="V91" s="181"/>
      <c r="W91" s="181"/>
      <c r="X91" s="181"/>
      <c r="Y91" s="181"/>
      <c r="Z91" s="181"/>
      <c r="AA91" s="181"/>
      <c r="AB91" s="181"/>
      <c r="AC91" s="181"/>
      <c r="AD91" s="181"/>
      <c r="AE91" s="181"/>
      <c r="AF91" s="181"/>
      <c r="AG91" s="181"/>
      <c r="AH91" s="181"/>
      <c r="AI91" s="181"/>
    </row>
    <row r="92" spans="1:38" ht="90">
      <c r="A92" s="20"/>
      <c r="B92" s="45" t="s">
        <v>126</v>
      </c>
      <c r="C92" s="70" t="s">
        <v>239</v>
      </c>
      <c r="D92" s="71" t="s">
        <v>278</v>
      </c>
      <c r="E92" s="72" t="s">
        <v>279</v>
      </c>
      <c r="F92" s="70" t="s">
        <v>75</v>
      </c>
      <c r="G92" s="70" t="s">
        <v>130</v>
      </c>
      <c r="H92" s="73" t="s">
        <v>202</v>
      </c>
      <c r="I92" s="73" t="s">
        <v>76</v>
      </c>
      <c r="J92" s="176" t="s">
        <v>133</v>
      </c>
      <c r="K92" s="116"/>
      <c r="L92" s="181"/>
      <c r="M92" s="181"/>
      <c r="N92" s="181"/>
      <c r="O92" s="181"/>
      <c r="P92" s="181"/>
      <c r="Q92" s="181"/>
      <c r="R92" s="181"/>
      <c r="S92" s="181"/>
      <c r="T92" s="181"/>
      <c r="U92" s="181"/>
      <c r="V92" s="181"/>
      <c r="W92" s="181"/>
      <c r="X92" s="181"/>
      <c r="Y92" s="181"/>
      <c r="Z92" s="181"/>
      <c r="AA92" s="181"/>
      <c r="AB92" s="181"/>
      <c r="AC92" s="181"/>
      <c r="AD92" s="181"/>
      <c r="AE92" s="181"/>
      <c r="AF92" s="181"/>
      <c r="AG92" s="181"/>
      <c r="AH92" s="181"/>
      <c r="AI92" s="181"/>
    </row>
    <row r="93" spans="1:38" ht="90">
      <c r="A93" s="20"/>
      <c r="B93" s="45" t="s">
        <v>126</v>
      </c>
      <c r="C93" s="71" t="s">
        <v>280</v>
      </c>
      <c r="D93" s="71" t="s">
        <v>281</v>
      </c>
      <c r="E93" s="72" t="s">
        <v>282</v>
      </c>
      <c r="F93" s="70" t="s">
        <v>36</v>
      </c>
      <c r="G93" s="70" t="s">
        <v>130</v>
      </c>
      <c r="H93" s="73" t="s">
        <v>202</v>
      </c>
      <c r="I93" s="73" t="s">
        <v>203</v>
      </c>
      <c r="J93" s="176">
        <v>10</v>
      </c>
      <c r="K93" s="116"/>
      <c r="L93" s="181"/>
      <c r="M93" s="181"/>
      <c r="N93" s="181"/>
      <c r="O93" s="181"/>
      <c r="P93" s="181"/>
      <c r="Q93" s="181"/>
      <c r="R93" s="181"/>
      <c r="S93" s="181"/>
      <c r="T93" s="181"/>
      <c r="U93" s="181"/>
      <c r="V93" s="181"/>
      <c r="W93" s="181"/>
      <c r="X93" s="181"/>
      <c r="Y93" s="181"/>
      <c r="Z93" s="181"/>
      <c r="AA93" s="181"/>
      <c r="AB93" s="181"/>
      <c r="AC93" s="181"/>
      <c r="AD93" s="181"/>
      <c r="AE93" s="181"/>
      <c r="AF93" s="181"/>
      <c r="AG93" s="181"/>
      <c r="AH93" s="181"/>
      <c r="AI93" s="181"/>
    </row>
    <row r="94" spans="1:38" ht="90">
      <c r="A94" s="20"/>
      <c r="B94" s="45" t="s">
        <v>126</v>
      </c>
      <c r="C94" s="71" t="s">
        <v>280</v>
      </c>
      <c r="D94" s="71" t="s">
        <v>283</v>
      </c>
      <c r="E94" s="72" t="s">
        <v>284</v>
      </c>
      <c r="F94" s="70" t="s">
        <v>36</v>
      </c>
      <c r="G94" s="70" t="s">
        <v>130</v>
      </c>
      <c r="H94" s="73" t="s">
        <v>202</v>
      </c>
      <c r="I94" s="73" t="s">
        <v>203</v>
      </c>
      <c r="J94" s="176">
        <v>10</v>
      </c>
      <c r="K94" s="116"/>
      <c r="L94" s="181"/>
      <c r="M94" s="181"/>
      <c r="N94" s="181"/>
      <c r="O94" s="181"/>
      <c r="P94" s="181"/>
      <c r="Q94" s="181"/>
      <c r="R94" s="181"/>
      <c r="S94" s="181"/>
      <c r="T94" s="181"/>
      <c r="U94" s="181"/>
      <c r="V94" s="181"/>
      <c r="W94" s="181"/>
      <c r="X94" s="181"/>
      <c r="Y94" s="181"/>
      <c r="Z94" s="181"/>
      <c r="AA94" s="181"/>
      <c r="AB94" s="181"/>
      <c r="AC94" s="181"/>
      <c r="AD94" s="181"/>
      <c r="AE94" s="181"/>
      <c r="AF94" s="181"/>
      <c r="AG94" s="181"/>
      <c r="AH94" s="181"/>
      <c r="AI94" s="181"/>
    </row>
    <row r="95" spans="1:38" ht="90">
      <c r="A95" s="20"/>
      <c r="B95" s="45" t="s">
        <v>126</v>
      </c>
      <c r="C95" s="71" t="s">
        <v>280</v>
      </c>
      <c r="D95" s="71" t="s">
        <v>285</v>
      </c>
      <c r="E95" s="72" t="s">
        <v>286</v>
      </c>
      <c r="F95" s="70" t="s">
        <v>75</v>
      </c>
      <c r="G95" s="70" t="s">
        <v>130</v>
      </c>
      <c r="H95" s="73" t="s">
        <v>202</v>
      </c>
      <c r="I95" s="73" t="s">
        <v>76</v>
      </c>
      <c r="J95" s="176">
        <v>10</v>
      </c>
      <c r="K95" s="116"/>
      <c r="L95" s="181"/>
      <c r="M95" s="181"/>
      <c r="N95" s="181"/>
      <c r="O95" s="181"/>
      <c r="P95" s="181"/>
      <c r="Q95" s="181"/>
      <c r="R95" s="181"/>
      <c r="S95" s="181"/>
      <c r="T95" s="181"/>
      <c r="U95" s="181"/>
      <c r="V95" s="181"/>
      <c r="W95" s="181"/>
      <c r="X95" s="181"/>
      <c r="Y95" s="181"/>
      <c r="Z95" s="181"/>
      <c r="AA95" s="181"/>
      <c r="AB95" s="181"/>
      <c r="AC95" s="181"/>
      <c r="AD95" s="181"/>
      <c r="AE95" s="181"/>
      <c r="AF95" s="181"/>
      <c r="AG95" s="181"/>
      <c r="AH95" s="181"/>
      <c r="AI95" s="181"/>
    </row>
    <row r="96" spans="1:38" ht="105">
      <c r="A96" s="20"/>
      <c r="B96" s="45" t="s">
        <v>126</v>
      </c>
      <c r="C96" s="71" t="s">
        <v>280</v>
      </c>
      <c r="D96" s="71" t="s">
        <v>287</v>
      </c>
      <c r="E96" s="72" t="s">
        <v>288</v>
      </c>
      <c r="F96" s="70" t="s">
        <v>289</v>
      </c>
      <c r="G96" s="70" t="s">
        <v>130</v>
      </c>
      <c r="H96" s="73" t="s">
        <v>202</v>
      </c>
      <c r="I96" s="73" t="s">
        <v>76</v>
      </c>
      <c r="J96" s="176">
        <v>10</v>
      </c>
      <c r="K96" s="116"/>
      <c r="L96" s="181"/>
      <c r="M96" s="181"/>
      <c r="N96" s="181"/>
      <c r="O96" s="181"/>
      <c r="P96" s="181"/>
      <c r="Q96" s="181"/>
      <c r="R96" s="181"/>
      <c r="S96" s="181"/>
      <c r="T96" s="181"/>
      <c r="U96" s="181"/>
      <c r="V96" s="181"/>
      <c r="W96" s="181"/>
      <c r="X96" s="181"/>
      <c r="Y96" s="181"/>
      <c r="Z96" s="181"/>
      <c r="AA96" s="181"/>
      <c r="AB96" s="181"/>
      <c r="AC96" s="181"/>
      <c r="AD96" s="181"/>
      <c r="AE96" s="181"/>
      <c r="AF96" s="181"/>
      <c r="AG96" s="181"/>
      <c r="AH96" s="181"/>
      <c r="AI96" s="181"/>
    </row>
    <row r="97" spans="1:38" ht="105">
      <c r="A97" s="20"/>
      <c r="B97" s="50" t="s">
        <v>126</v>
      </c>
      <c r="C97" s="71" t="s">
        <v>280</v>
      </c>
      <c r="D97" s="71" t="s">
        <v>290</v>
      </c>
      <c r="E97" s="74" t="s">
        <v>291</v>
      </c>
      <c r="F97" s="70" t="s">
        <v>75</v>
      </c>
      <c r="G97" s="71" t="s">
        <v>130</v>
      </c>
      <c r="H97" s="73" t="s">
        <v>202</v>
      </c>
      <c r="I97" s="73" t="s">
        <v>76</v>
      </c>
      <c r="J97" s="177">
        <v>11</v>
      </c>
      <c r="K97" s="116"/>
      <c r="L97" s="181"/>
      <c r="M97" s="181"/>
      <c r="N97" s="181"/>
      <c r="O97" s="181"/>
      <c r="P97" s="181"/>
      <c r="Q97" s="181"/>
      <c r="R97" s="181"/>
      <c r="S97" s="181"/>
      <c r="T97" s="181"/>
      <c r="U97" s="181"/>
      <c r="V97" s="181"/>
      <c r="W97" s="181"/>
      <c r="X97" s="181"/>
      <c r="Y97" s="181"/>
      <c r="Z97" s="181"/>
      <c r="AA97" s="181"/>
      <c r="AB97" s="181"/>
      <c r="AC97" s="181"/>
      <c r="AD97" s="181"/>
      <c r="AE97" s="181"/>
      <c r="AF97" s="181"/>
      <c r="AG97" s="181"/>
      <c r="AH97" s="181"/>
      <c r="AI97" s="181"/>
    </row>
    <row r="98" spans="1:38" ht="105">
      <c r="A98" s="20"/>
      <c r="B98" s="50" t="s">
        <v>126</v>
      </c>
      <c r="C98" s="71" t="s">
        <v>280</v>
      </c>
      <c r="D98" s="71" t="s">
        <v>292</v>
      </c>
      <c r="E98" s="74" t="s">
        <v>293</v>
      </c>
      <c r="F98" s="70" t="s">
        <v>289</v>
      </c>
      <c r="G98" s="71" t="s">
        <v>130</v>
      </c>
      <c r="H98" s="73" t="s">
        <v>202</v>
      </c>
      <c r="I98" s="73" t="s">
        <v>76</v>
      </c>
      <c r="J98" s="176">
        <v>10</v>
      </c>
      <c r="K98" s="116"/>
      <c r="L98" s="181"/>
      <c r="M98" s="181"/>
      <c r="N98" s="181"/>
      <c r="O98" s="181"/>
      <c r="P98" s="181"/>
      <c r="Q98" s="181"/>
      <c r="R98" s="181"/>
      <c r="S98" s="181"/>
      <c r="T98" s="181"/>
      <c r="U98" s="181"/>
      <c r="V98" s="181"/>
      <c r="W98" s="181"/>
      <c r="X98" s="181"/>
      <c r="Y98" s="181"/>
      <c r="Z98" s="181"/>
      <c r="AA98" s="181"/>
      <c r="AB98" s="181"/>
      <c r="AC98" s="181"/>
      <c r="AD98" s="181"/>
      <c r="AE98" s="181"/>
      <c r="AF98" s="181"/>
      <c r="AG98" s="181"/>
      <c r="AH98" s="181"/>
      <c r="AI98" s="181"/>
    </row>
    <row r="99" spans="1:38" ht="120">
      <c r="A99" s="20"/>
      <c r="B99" s="50" t="s">
        <v>126</v>
      </c>
      <c r="C99" s="71" t="s">
        <v>280</v>
      </c>
      <c r="D99" s="71" t="s">
        <v>294</v>
      </c>
      <c r="E99" s="74" t="s">
        <v>295</v>
      </c>
      <c r="F99" s="70" t="s">
        <v>289</v>
      </c>
      <c r="G99" s="71" t="s">
        <v>130</v>
      </c>
      <c r="H99" s="73" t="s">
        <v>202</v>
      </c>
      <c r="I99" s="73" t="s">
        <v>76</v>
      </c>
      <c r="J99" s="176">
        <v>10</v>
      </c>
      <c r="K99" s="116"/>
      <c r="L99" s="181"/>
      <c r="M99" s="181"/>
      <c r="N99" s="181"/>
      <c r="O99" s="181"/>
      <c r="P99" s="181"/>
      <c r="Q99" s="181"/>
      <c r="R99" s="181"/>
      <c r="S99" s="181"/>
      <c r="T99" s="181"/>
      <c r="U99" s="181"/>
      <c r="V99" s="181"/>
      <c r="W99" s="181"/>
      <c r="X99" s="181"/>
      <c r="Y99" s="181"/>
      <c r="Z99" s="181"/>
      <c r="AA99" s="181"/>
      <c r="AB99" s="181"/>
      <c r="AC99" s="181"/>
      <c r="AD99" s="181"/>
      <c r="AE99" s="181"/>
      <c r="AF99" s="181"/>
      <c r="AG99" s="181"/>
      <c r="AH99" s="181"/>
      <c r="AI99" s="181"/>
    </row>
    <row r="100" spans="1:38" ht="90">
      <c r="A100" s="20"/>
      <c r="B100" s="50" t="s">
        <v>126</v>
      </c>
      <c r="C100" s="71" t="s">
        <v>280</v>
      </c>
      <c r="D100" s="71" t="s">
        <v>296</v>
      </c>
      <c r="E100" s="74" t="s">
        <v>297</v>
      </c>
      <c r="F100" s="70" t="s">
        <v>75</v>
      </c>
      <c r="G100" s="71" t="s">
        <v>130</v>
      </c>
      <c r="H100" s="73" t="s">
        <v>202</v>
      </c>
      <c r="I100" s="73" t="s">
        <v>76</v>
      </c>
      <c r="J100" s="177">
        <v>11</v>
      </c>
      <c r="K100" s="116"/>
      <c r="L100" s="181"/>
      <c r="M100" s="181"/>
      <c r="N100" s="181"/>
      <c r="O100" s="181"/>
      <c r="P100" s="181"/>
      <c r="Q100" s="181"/>
      <c r="R100" s="181"/>
      <c r="S100" s="181"/>
      <c r="T100" s="181"/>
      <c r="U100" s="181"/>
      <c r="V100" s="181"/>
      <c r="W100" s="181"/>
      <c r="X100" s="181"/>
      <c r="Y100" s="181"/>
      <c r="Z100" s="181"/>
      <c r="AA100" s="181"/>
      <c r="AB100" s="181"/>
      <c r="AC100" s="181"/>
      <c r="AD100" s="181"/>
      <c r="AE100" s="181"/>
      <c r="AF100" s="181"/>
      <c r="AG100" s="181"/>
      <c r="AH100" s="181"/>
      <c r="AI100" s="181"/>
    </row>
    <row r="101" spans="1:38" ht="105">
      <c r="A101" s="20"/>
      <c r="B101" s="50" t="s">
        <v>126</v>
      </c>
      <c r="C101" s="71" t="s">
        <v>280</v>
      </c>
      <c r="D101" s="71" t="s">
        <v>298</v>
      </c>
      <c r="E101" s="74" t="s">
        <v>299</v>
      </c>
      <c r="F101" s="70" t="s">
        <v>289</v>
      </c>
      <c r="G101" s="71" t="s">
        <v>130</v>
      </c>
      <c r="H101" s="73" t="s">
        <v>202</v>
      </c>
      <c r="I101" s="73" t="s">
        <v>76</v>
      </c>
      <c r="J101" s="176">
        <v>10</v>
      </c>
      <c r="K101" s="116"/>
      <c r="L101" s="181"/>
      <c r="M101" s="181"/>
      <c r="N101" s="181"/>
      <c r="O101" s="181"/>
      <c r="P101" s="181"/>
      <c r="Q101" s="181"/>
      <c r="R101" s="181"/>
      <c r="S101" s="181"/>
      <c r="T101" s="181"/>
      <c r="U101" s="181"/>
      <c r="V101" s="181"/>
      <c r="W101" s="181"/>
      <c r="X101" s="181"/>
      <c r="Y101" s="181"/>
      <c r="Z101" s="181"/>
      <c r="AA101" s="181"/>
      <c r="AB101" s="181"/>
      <c r="AC101" s="181"/>
      <c r="AD101" s="181"/>
      <c r="AE101" s="181"/>
      <c r="AF101" s="181"/>
      <c r="AG101" s="181"/>
      <c r="AH101" s="181"/>
      <c r="AI101" s="181"/>
    </row>
    <row r="102" spans="1:38" s="54" customFormat="1" ht="105">
      <c r="A102" s="43"/>
      <c r="B102" s="50" t="s">
        <v>126</v>
      </c>
      <c r="C102" s="71" t="s">
        <v>280</v>
      </c>
      <c r="D102" s="71" t="s">
        <v>300</v>
      </c>
      <c r="E102" s="74" t="s">
        <v>301</v>
      </c>
      <c r="F102" s="70" t="s">
        <v>75</v>
      </c>
      <c r="G102" s="71" t="s">
        <v>130</v>
      </c>
      <c r="H102" s="73" t="s">
        <v>208</v>
      </c>
      <c r="I102" s="73" t="s">
        <v>76</v>
      </c>
      <c r="J102" s="177" t="s">
        <v>133</v>
      </c>
      <c r="K102" s="116"/>
      <c r="L102" s="181"/>
      <c r="M102" s="181"/>
      <c r="N102" s="181"/>
      <c r="O102" s="181"/>
      <c r="P102" s="181"/>
      <c r="Q102" s="181"/>
      <c r="R102" s="181"/>
      <c r="S102" s="181"/>
      <c r="T102" s="181"/>
      <c r="U102" s="181"/>
      <c r="V102" s="181"/>
      <c r="W102" s="181"/>
      <c r="X102" s="181"/>
      <c r="Y102" s="181"/>
      <c r="Z102" s="181"/>
      <c r="AA102" s="181"/>
      <c r="AB102" s="181"/>
      <c r="AC102" s="181"/>
      <c r="AD102" s="181"/>
      <c r="AE102" s="181"/>
      <c r="AF102" s="181"/>
      <c r="AG102" s="181"/>
      <c r="AH102" s="181"/>
      <c r="AI102" s="181"/>
      <c r="AJ102" s="185"/>
      <c r="AK102" s="185"/>
      <c r="AL102" s="185"/>
    </row>
    <row r="103" spans="1:38" ht="120">
      <c r="A103" s="20"/>
      <c r="B103" s="45" t="s">
        <v>126</v>
      </c>
      <c r="C103" s="71" t="s">
        <v>280</v>
      </c>
      <c r="D103" s="71" t="s">
        <v>302</v>
      </c>
      <c r="E103" s="72" t="s">
        <v>303</v>
      </c>
      <c r="F103" s="70" t="s">
        <v>289</v>
      </c>
      <c r="G103" s="70" t="s">
        <v>130</v>
      </c>
      <c r="H103" s="73" t="s">
        <v>202</v>
      </c>
      <c r="I103" s="73" t="s">
        <v>76</v>
      </c>
      <c r="J103" s="176">
        <v>10</v>
      </c>
      <c r="K103" s="116"/>
      <c r="L103" s="181"/>
      <c r="M103" s="181"/>
      <c r="N103" s="181"/>
      <c r="O103" s="181"/>
      <c r="P103" s="181"/>
      <c r="Q103" s="181"/>
      <c r="R103" s="181"/>
      <c r="S103" s="181"/>
      <c r="T103" s="181"/>
      <c r="U103" s="181"/>
      <c r="V103" s="181"/>
      <c r="W103" s="181"/>
      <c r="X103" s="181"/>
      <c r="Y103" s="181"/>
      <c r="Z103" s="181"/>
      <c r="AA103" s="181"/>
      <c r="AB103" s="181"/>
      <c r="AC103" s="181"/>
      <c r="AD103" s="181"/>
      <c r="AE103" s="181"/>
      <c r="AF103" s="181"/>
      <c r="AG103" s="181"/>
      <c r="AH103" s="181"/>
      <c r="AI103" s="181"/>
    </row>
    <row r="104" spans="1:38" ht="90">
      <c r="A104" s="20"/>
      <c r="B104" s="45" t="s">
        <v>126</v>
      </c>
      <c r="C104" s="71" t="s">
        <v>280</v>
      </c>
      <c r="D104" s="71" t="s">
        <v>304</v>
      </c>
      <c r="E104" s="72" t="s">
        <v>305</v>
      </c>
      <c r="F104" s="70" t="s">
        <v>289</v>
      </c>
      <c r="G104" s="70" t="s">
        <v>130</v>
      </c>
      <c r="H104" s="73" t="s">
        <v>202</v>
      </c>
      <c r="I104" s="73" t="s">
        <v>76</v>
      </c>
      <c r="J104" s="176">
        <v>10</v>
      </c>
      <c r="K104" s="116"/>
      <c r="L104" s="181"/>
      <c r="M104" s="181"/>
      <c r="N104" s="181"/>
      <c r="O104" s="181"/>
      <c r="P104" s="181"/>
      <c r="Q104" s="181"/>
      <c r="R104" s="181"/>
      <c r="S104" s="181"/>
      <c r="T104" s="181"/>
      <c r="U104" s="181"/>
      <c r="V104" s="181"/>
      <c r="W104" s="181"/>
      <c r="X104" s="181"/>
      <c r="Y104" s="181"/>
      <c r="Z104" s="181"/>
      <c r="AA104" s="181"/>
      <c r="AB104" s="181"/>
      <c r="AC104" s="181"/>
      <c r="AD104" s="181"/>
      <c r="AE104" s="181"/>
      <c r="AF104" s="181"/>
      <c r="AG104" s="181"/>
      <c r="AH104" s="181"/>
      <c r="AI104" s="181"/>
    </row>
    <row r="105" spans="1:38" ht="90">
      <c r="A105" s="20"/>
      <c r="B105" s="50" t="s">
        <v>126</v>
      </c>
      <c r="C105" s="71" t="s">
        <v>280</v>
      </c>
      <c r="D105" s="71" t="s">
        <v>306</v>
      </c>
      <c r="E105" s="74" t="s">
        <v>307</v>
      </c>
      <c r="F105" s="70" t="s">
        <v>289</v>
      </c>
      <c r="G105" s="71" t="s">
        <v>130</v>
      </c>
      <c r="H105" s="73" t="s">
        <v>202</v>
      </c>
      <c r="I105" s="73" t="s">
        <v>76</v>
      </c>
      <c r="J105" s="176">
        <v>10</v>
      </c>
      <c r="K105" s="116"/>
      <c r="L105" s="181"/>
      <c r="M105" s="181"/>
      <c r="N105" s="181"/>
      <c r="O105" s="181"/>
      <c r="P105" s="181"/>
      <c r="Q105" s="181"/>
      <c r="R105" s="181"/>
      <c r="S105" s="181"/>
      <c r="T105" s="181"/>
      <c r="U105" s="181"/>
      <c r="V105" s="181"/>
      <c r="W105" s="181"/>
      <c r="X105" s="181"/>
      <c r="Y105" s="181"/>
      <c r="Z105" s="181"/>
      <c r="AA105" s="181"/>
      <c r="AB105" s="181"/>
      <c r="AC105" s="181"/>
      <c r="AD105" s="181"/>
      <c r="AE105" s="181"/>
      <c r="AF105" s="181"/>
      <c r="AG105" s="181"/>
      <c r="AH105" s="181"/>
      <c r="AI105" s="181"/>
    </row>
    <row r="106" spans="1:38" ht="75">
      <c r="A106" s="20"/>
      <c r="B106" s="45" t="s">
        <v>126</v>
      </c>
      <c r="C106" s="71" t="s">
        <v>280</v>
      </c>
      <c r="D106" s="71" t="s">
        <v>308</v>
      </c>
      <c r="E106" s="72" t="s">
        <v>309</v>
      </c>
      <c r="F106" s="70" t="s">
        <v>289</v>
      </c>
      <c r="G106" s="70" t="s">
        <v>130</v>
      </c>
      <c r="H106" s="73" t="s">
        <v>202</v>
      </c>
      <c r="I106" s="73" t="s">
        <v>76</v>
      </c>
      <c r="J106" s="176">
        <v>11</v>
      </c>
      <c r="K106" s="116"/>
      <c r="L106" s="181"/>
      <c r="M106" s="181"/>
      <c r="N106" s="181"/>
      <c r="O106" s="181"/>
      <c r="P106" s="181"/>
      <c r="Q106" s="181"/>
      <c r="R106" s="181"/>
      <c r="S106" s="181"/>
      <c r="T106" s="181"/>
      <c r="U106" s="181"/>
      <c r="V106" s="181"/>
      <c r="W106" s="181"/>
      <c r="X106" s="181"/>
      <c r="Y106" s="181"/>
      <c r="Z106" s="181"/>
      <c r="AA106" s="181"/>
      <c r="AB106" s="181"/>
      <c r="AC106" s="181"/>
      <c r="AD106" s="181"/>
      <c r="AE106" s="181"/>
      <c r="AF106" s="181"/>
      <c r="AG106" s="181"/>
      <c r="AH106" s="181"/>
      <c r="AI106" s="181"/>
    </row>
    <row r="107" spans="1:38" ht="75">
      <c r="A107" s="20"/>
      <c r="B107" s="45" t="s">
        <v>126</v>
      </c>
      <c r="C107" s="71" t="s">
        <v>280</v>
      </c>
      <c r="D107" s="71" t="s">
        <v>310</v>
      </c>
      <c r="E107" s="72" t="s">
        <v>311</v>
      </c>
      <c r="F107" s="70" t="s">
        <v>289</v>
      </c>
      <c r="G107" s="70" t="s">
        <v>130</v>
      </c>
      <c r="H107" s="73" t="s">
        <v>208</v>
      </c>
      <c r="I107" s="73" t="s">
        <v>76</v>
      </c>
      <c r="J107" s="176">
        <v>11</v>
      </c>
      <c r="K107" s="116"/>
      <c r="L107" s="181"/>
      <c r="M107" s="181"/>
      <c r="N107" s="181"/>
      <c r="O107" s="181"/>
      <c r="P107" s="181"/>
      <c r="Q107" s="181"/>
      <c r="R107" s="181"/>
      <c r="S107" s="181"/>
      <c r="T107" s="181"/>
      <c r="U107" s="181"/>
      <c r="V107" s="181"/>
      <c r="W107" s="181"/>
      <c r="X107" s="181"/>
      <c r="Y107" s="181"/>
      <c r="Z107" s="181"/>
      <c r="AA107" s="181"/>
      <c r="AB107" s="181"/>
      <c r="AC107" s="181"/>
      <c r="AD107" s="181"/>
      <c r="AE107" s="181"/>
      <c r="AF107" s="181"/>
      <c r="AG107" s="181"/>
      <c r="AH107" s="181"/>
      <c r="AI107" s="181"/>
    </row>
    <row r="108" spans="1:38" ht="75">
      <c r="A108" s="20"/>
      <c r="B108" s="45" t="s">
        <v>126</v>
      </c>
      <c r="C108" s="71" t="s">
        <v>280</v>
      </c>
      <c r="D108" s="71" t="s">
        <v>312</v>
      </c>
      <c r="E108" s="72" t="s">
        <v>313</v>
      </c>
      <c r="F108" s="70" t="s">
        <v>289</v>
      </c>
      <c r="G108" s="70" t="s">
        <v>130</v>
      </c>
      <c r="H108" s="73" t="s">
        <v>202</v>
      </c>
      <c r="I108" s="73" t="s">
        <v>76</v>
      </c>
      <c r="J108" s="176">
        <v>11</v>
      </c>
      <c r="K108" s="116"/>
      <c r="L108" s="181"/>
      <c r="M108" s="181"/>
      <c r="N108" s="181"/>
      <c r="O108" s="181"/>
      <c r="P108" s="181"/>
      <c r="Q108" s="181"/>
      <c r="R108" s="181"/>
      <c r="S108" s="181"/>
      <c r="T108" s="181"/>
      <c r="U108" s="181"/>
      <c r="V108" s="181"/>
      <c r="W108" s="181"/>
      <c r="X108" s="181"/>
      <c r="Y108" s="181"/>
      <c r="Z108" s="181"/>
      <c r="AA108" s="181"/>
      <c r="AB108" s="181"/>
      <c r="AC108" s="181"/>
      <c r="AD108" s="181"/>
      <c r="AE108" s="181"/>
      <c r="AF108" s="181"/>
      <c r="AG108" s="181"/>
      <c r="AH108" s="181"/>
      <c r="AI108" s="181"/>
    </row>
    <row r="109" spans="1:38" ht="75">
      <c r="A109" s="20"/>
      <c r="B109" s="45" t="s">
        <v>126</v>
      </c>
      <c r="C109" s="71" t="s">
        <v>280</v>
      </c>
      <c r="D109" s="71" t="s">
        <v>314</v>
      </c>
      <c r="E109" s="72" t="s">
        <v>315</v>
      </c>
      <c r="F109" s="70" t="s">
        <v>289</v>
      </c>
      <c r="G109" s="70" t="s">
        <v>130</v>
      </c>
      <c r="H109" s="73" t="s">
        <v>202</v>
      </c>
      <c r="I109" s="73" t="s">
        <v>76</v>
      </c>
      <c r="J109" s="176">
        <v>11</v>
      </c>
      <c r="K109" s="116"/>
      <c r="L109" s="181"/>
      <c r="M109" s="181"/>
      <c r="N109" s="181"/>
      <c r="O109" s="181"/>
      <c r="P109" s="181"/>
      <c r="Q109" s="181"/>
      <c r="R109" s="181"/>
      <c r="S109" s="181"/>
      <c r="T109" s="181"/>
      <c r="U109" s="181"/>
      <c r="V109" s="181"/>
      <c r="W109" s="181"/>
      <c r="X109" s="181"/>
      <c r="Y109" s="181"/>
      <c r="Z109" s="181"/>
      <c r="AA109" s="181"/>
      <c r="AB109" s="181"/>
      <c r="AC109" s="181"/>
      <c r="AD109" s="181"/>
      <c r="AE109" s="181"/>
      <c r="AF109" s="181"/>
      <c r="AG109" s="181"/>
      <c r="AH109" s="181"/>
      <c r="AI109" s="181"/>
    </row>
    <row r="110" spans="1:38" ht="75">
      <c r="A110" s="20"/>
      <c r="B110" s="45" t="s">
        <v>126</v>
      </c>
      <c r="C110" s="71" t="s">
        <v>280</v>
      </c>
      <c r="D110" s="71" t="s">
        <v>316</v>
      </c>
      <c r="E110" s="72" t="s">
        <v>317</v>
      </c>
      <c r="F110" s="70" t="s">
        <v>289</v>
      </c>
      <c r="G110" s="70" t="s">
        <v>130</v>
      </c>
      <c r="H110" s="73" t="s">
        <v>208</v>
      </c>
      <c r="I110" s="73" t="s">
        <v>76</v>
      </c>
      <c r="J110" s="176">
        <v>11</v>
      </c>
      <c r="K110" s="116"/>
      <c r="L110" s="181"/>
      <c r="M110" s="181"/>
      <c r="N110" s="181"/>
      <c r="O110" s="181"/>
      <c r="P110" s="181"/>
      <c r="Q110" s="181"/>
      <c r="R110" s="181"/>
      <c r="S110" s="181"/>
      <c r="T110" s="181"/>
      <c r="U110" s="181"/>
      <c r="V110" s="181"/>
      <c r="W110" s="181"/>
      <c r="X110" s="181"/>
      <c r="Y110" s="181"/>
      <c r="Z110" s="181"/>
      <c r="AA110" s="181"/>
      <c r="AB110" s="181"/>
      <c r="AC110" s="181"/>
      <c r="AD110" s="181"/>
      <c r="AE110" s="181"/>
      <c r="AF110" s="181"/>
      <c r="AG110" s="181"/>
      <c r="AH110" s="181"/>
      <c r="AI110" s="181"/>
    </row>
    <row r="111" spans="1:38" s="54" customFormat="1" ht="90">
      <c r="A111" s="43"/>
      <c r="B111" s="50" t="s">
        <v>126</v>
      </c>
      <c r="C111" s="71" t="s">
        <v>280</v>
      </c>
      <c r="D111" s="71" t="s">
        <v>318</v>
      </c>
      <c r="E111" s="74" t="s">
        <v>319</v>
      </c>
      <c r="F111" s="70" t="s">
        <v>75</v>
      </c>
      <c r="G111" s="71" t="s">
        <v>130</v>
      </c>
      <c r="H111" s="73" t="s">
        <v>202</v>
      </c>
      <c r="I111" s="73" t="s">
        <v>76</v>
      </c>
      <c r="J111" s="177">
        <v>10</v>
      </c>
      <c r="K111" s="116"/>
      <c r="L111" s="181"/>
      <c r="M111" s="181"/>
      <c r="N111" s="181"/>
      <c r="O111" s="181"/>
      <c r="P111" s="181"/>
      <c r="Q111" s="181"/>
      <c r="R111" s="181"/>
      <c r="S111" s="181"/>
      <c r="T111" s="181"/>
      <c r="U111" s="181"/>
      <c r="V111" s="181"/>
      <c r="W111" s="181"/>
      <c r="X111" s="181"/>
      <c r="Y111" s="181"/>
      <c r="Z111" s="181"/>
      <c r="AA111" s="181"/>
      <c r="AB111" s="181"/>
      <c r="AC111" s="181"/>
      <c r="AD111" s="181"/>
      <c r="AE111" s="181"/>
      <c r="AF111" s="181"/>
      <c r="AG111" s="181"/>
      <c r="AH111" s="181"/>
      <c r="AI111" s="181"/>
      <c r="AJ111" s="185"/>
      <c r="AK111" s="185"/>
      <c r="AL111" s="185"/>
    </row>
    <row r="112" spans="1:38" ht="120">
      <c r="A112" s="20"/>
      <c r="B112" s="45" t="s">
        <v>126</v>
      </c>
      <c r="C112" s="70" t="s">
        <v>280</v>
      </c>
      <c r="D112" s="71" t="s">
        <v>320</v>
      </c>
      <c r="E112" s="72" t="s">
        <v>321</v>
      </c>
      <c r="F112" s="70" t="s">
        <v>36</v>
      </c>
      <c r="G112" s="70" t="s">
        <v>130</v>
      </c>
      <c r="H112" s="73" t="s">
        <v>202</v>
      </c>
      <c r="I112" s="73" t="s">
        <v>203</v>
      </c>
      <c r="J112" s="176">
        <v>10</v>
      </c>
      <c r="K112" s="116"/>
      <c r="L112" s="181"/>
      <c r="M112" s="181"/>
      <c r="N112" s="181"/>
      <c r="O112" s="181"/>
      <c r="P112" s="181"/>
      <c r="Q112" s="181"/>
      <c r="R112" s="181"/>
      <c r="S112" s="181"/>
      <c r="T112" s="181"/>
      <c r="U112" s="181"/>
      <c r="V112" s="181"/>
      <c r="W112" s="181"/>
      <c r="X112" s="181"/>
      <c r="Y112" s="181"/>
      <c r="Z112" s="181"/>
      <c r="AA112" s="181"/>
      <c r="AB112" s="181"/>
      <c r="AC112" s="181"/>
      <c r="AD112" s="181"/>
      <c r="AE112" s="181"/>
      <c r="AF112" s="181"/>
      <c r="AG112" s="181"/>
      <c r="AH112" s="181"/>
      <c r="AI112" s="181"/>
    </row>
    <row r="113" spans="1:35" ht="150">
      <c r="B113" s="45" t="s">
        <v>126</v>
      </c>
      <c r="C113" s="75" t="s">
        <v>322</v>
      </c>
      <c r="D113" s="75" t="s">
        <v>323</v>
      </c>
      <c r="E113" s="76" t="s">
        <v>324</v>
      </c>
      <c r="F113" s="75" t="s">
        <v>36</v>
      </c>
      <c r="G113" s="75" t="s">
        <v>325</v>
      </c>
      <c r="H113" s="77" t="s">
        <v>158</v>
      </c>
      <c r="I113" s="77" t="s">
        <v>326</v>
      </c>
      <c r="J113" s="176" t="s">
        <v>194</v>
      </c>
      <c r="K113" s="116"/>
      <c r="L113" s="181"/>
      <c r="M113" s="181"/>
      <c r="N113" s="181"/>
      <c r="O113" s="181"/>
      <c r="P113" s="181"/>
      <c r="Q113" s="181"/>
      <c r="R113" s="181"/>
      <c r="S113" s="181"/>
      <c r="T113" s="181"/>
      <c r="U113" s="181"/>
      <c r="V113" s="181"/>
      <c r="W113" s="181"/>
      <c r="X113" s="181"/>
      <c r="Y113" s="181"/>
      <c r="Z113" s="181"/>
      <c r="AA113" s="181"/>
      <c r="AB113" s="181"/>
      <c r="AC113" s="181"/>
      <c r="AD113" s="181"/>
      <c r="AE113" s="181"/>
      <c r="AF113" s="181"/>
      <c r="AG113" s="181"/>
      <c r="AH113" s="181"/>
      <c r="AI113" s="181"/>
    </row>
    <row r="114" spans="1:35" ht="60">
      <c r="A114" s="20"/>
      <c r="B114" s="45" t="s">
        <v>126</v>
      </c>
      <c r="C114" s="78" t="s">
        <v>327</v>
      </c>
      <c r="D114" s="78" t="s">
        <v>328</v>
      </c>
      <c r="E114" s="79" t="s">
        <v>329</v>
      </c>
      <c r="F114" s="78" t="s">
        <v>36</v>
      </c>
      <c r="G114" s="78" t="s">
        <v>247</v>
      </c>
      <c r="H114" s="80" t="s">
        <v>158</v>
      </c>
      <c r="I114" s="80" t="s">
        <v>330</v>
      </c>
      <c r="J114" s="176">
        <v>1</v>
      </c>
      <c r="K114" s="116"/>
      <c r="L114" s="181"/>
      <c r="M114" s="181"/>
      <c r="N114" s="181"/>
      <c r="O114" s="181"/>
      <c r="P114" s="181"/>
      <c r="Q114" s="181"/>
      <c r="R114" s="181"/>
      <c r="S114" s="181"/>
      <c r="T114" s="181"/>
      <c r="U114" s="181"/>
      <c r="V114" s="181"/>
      <c r="W114" s="181"/>
      <c r="X114" s="181"/>
      <c r="Y114" s="181"/>
      <c r="Z114" s="181"/>
      <c r="AA114" s="181"/>
      <c r="AB114" s="181"/>
      <c r="AC114" s="181"/>
      <c r="AD114" s="181"/>
      <c r="AE114" s="181"/>
      <c r="AF114" s="181"/>
      <c r="AG114" s="181"/>
      <c r="AH114" s="181"/>
      <c r="AI114" s="181"/>
    </row>
    <row r="115" spans="1:35" ht="120">
      <c r="A115" s="20"/>
      <c r="B115" s="45" t="s">
        <v>126</v>
      </c>
      <c r="C115" s="78" t="s">
        <v>327</v>
      </c>
      <c r="D115" s="78" t="s">
        <v>331</v>
      </c>
      <c r="E115" s="79" t="s">
        <v>332</v>
      </c>
      <c r="F115" s="78" t="s">
        <v>36</v>
      </c>
      <c r="G115" s="78" t="s">
        <v>130</v>
      </c>
      <c r="H115" s="80" t="s">
        <v>143</v>
      </c>
      <c r="I115" s="80" t="s">
        <v>330</v>
      </c>
      <c r="J115" s="176">
        <v>1</v>
      </c>
      <c r="K115" s="116"/>
      <c r="L115" s="181"/>
      <c r="M115" s="181"/>
      <c r="N115" s="181"/>
      <c r="O115" s="181"/>
      <c r="P115" s="181"/>
      <c r="Q115" s="181"/>
      <c r="R115" s="181"/>
      <c r="S115" s="181"/>
      <c r="T115" s="181"/>
      <c r="U115" s="181"/>
      <c r="V115" s="181"/>
      <c r="W115" s="181"/>
      <c r="X115" s="181"/>
      <c r="Y115" s="181"/>
      <c r="Z115" s="181"/>
      <c r="AA115" s="181"/>
      <c r="AB115" s="181"/>
      <c r="AC115" s="181"/>
      <c r="AD115" s="181"/>
      <c r="AE115" s="181"/>
      <c r="AF115" s="181"/>
      <c r="AG115" s="181"/>
      <c r="AH115" s="181"/>
      <c r="AI115" s="181"/>
    </row>
    <row r="116" spans="1:35" ht="75">
      <c r="A116" s="20"/>
      <c r="B116" s="45" t="s">
        <v>126</v>
      </c>
      <c r="C116" s="25" t="s">
        <v>333</v>
      </c>
      <c r="D116" s="25" t="s">
        <v>334</v>
      </c>
      <c r="E116" s="81" t="s">
        <v>335</v>
      </c>
      <c r="F116" s="25" t="s">
        <v>36</v>
      </c>
      <c r="G116" s="25" t="s">
        <v>336</v>
      </c>
      <c r="H116" s="82" t="s">
        <v>158</v>
      </c>
      <c r="I116" s="82" t="s">
        <v>337</v>
      </c>
      <c r="J116" s="176" t="s">
        <v>133</v>
      </c>
      <c r="K116" s="116"/>
      <c r="L116" s="181"/>
      <c r="M116" s="181"/>
      <c r="N116" s="181"/>
      <c r="O116" s="181"/>
      <c r="P116" s="181"/>
      <c r="Q116" s="181"/>
      <c r="R116" s="181"/>
      <c r="S116" s="181"/>
      <c r="T116" s="181"/>
      <c r="U116" s="181"/>
      <c r="V116" s="181"/>
      <c r="W116" s="181"/>
      <c r="X116" s="181"/>
      <c r="Y116" s="181"/>
      <c r="Z116" s="181"/>
      <c r="AA116" s="181"/>
      <c r="AB116" s="181"/>
      <c r="AC116" s="181"/>
      <c r="AD116" s="181"/>
      <c r="AE116" s="181"/>
      <c r="AF116" s="181"/>
      <c r="AG116" s="181"/>
      <c r="AH116" s="181"/>
      <c r="AI116" s="181"/>
    </row>
    <row r="117" spans="1:35" ht="75">
      <c r="A117" s="20"/>
      <c r="B117" s="45" t="s">
        <v>126</v>
      </c>
      <c r="C117" s="25" t="s">
        <v>333</v>
      </c>
      <c r="D117" s="25" t="s">
        <v>338</v>
      </c>
      <c r="E117" s="81" t="s">
        <v>339</v>
      </c>
      <c r="F117" s="25" t="s">
        <v>36</v>
      </c>
      <c r="G117" s="25" t="s">
        <v>340</v>
      </c>
      <c r="H117" s="82" t="s">
        <v>158</v>
      </c>
      <c r="I117" s="82" t="s">
        <v>341</v>
      </c>
      <c r="J117" s="176">
        <v>1</v>
      </c>
      <c r="K117" s="116"/>
      <c r="L117" s="181"/>
      <c r="M117" s="181"/>
      <c r="N117" s="181"/>
      <c r="O117" s="181"/>
      <c r="P117" s="181"/>
      <c r="Q117" s="181"/>
      <c r="R117" s="181"/>
      <c r="S117" s="181"/>
      <c r="T117" s="181"/>
      <c r="U117" s="181"/>
      <c r="V117" s="181"/>
      <c r="W117" s="181"/>
      <c r="X117" s="181"/>
      <c r="Y117" s="181"/>
      <c r="Z117" s="181"/>
      <c r="AA117" s="181"/>
      <c r="AB117" s="181"/>
      <c r="AC117" s="181"/>
      <c r="AD117" s="181"/>
      <c r="AE117" s="181"/>
      <c r="AF117" s="181"/>
      <c r="AG117" s="181"/>
      <c r="AH117" s="181"/>
      <c r="AI117" s="181"/>
    </row>
    <row r="118" spans="1:35" ht="75">
      <c r="A118" s="20"/>
      <c r="B118" s="45" t="s">
        <v>126</v>
      </c>
      <c r="C118" s="25" t="s">
        <v>333</v>
      </c>
      <c r="D118" s="25" t="s">
        <v>342</v>
      </c>
      <c r="E118" s="81" t="s">
        <v>343</v>
      </c>
      <c r="F118" s="25" t="s">
        <v>36</v>
      </c>
      <c r="G118" s="25" t="s">
        <v>340</v>
      </c>
      <c r="H118" s="82" t="s">
        <v>158</v>
      </c>
      <c r="I118" s="82" t="s">
        <v>337</v>
      </c>
      <c r="J118" s="176">
        <v>1</v>
      </c>
      <c r="K118" s="116"/>
      <c r="L118" s="181"/>
      <c r="M118" s="181"/>
      <c r="N118" s="181"/>
      <c r="O118" s="181"/>
      <c r="P118" s="181"/>
      <c r="Q118" s="181"/>
      <c r="R118" s="181"/>
      <c r="S118" s="181"/>
      <c r="T118" s="181"/>
      <c r="U118" s="181"/>
      <c r="V118" s="181"/>
      <c r="W118" s="181"/>
      <c r="X118" s="181"/>
      <c r="Y118" s="181"/>
      <c r="Z118" s="181"/>
      <c r="AA118" s="181"/>
      <c r="AB118" s="181"/>
      <c r="AC118" s="181"/>
      <c r="AD118" s="181"/>
      <c r="AE118" s="181"/>
      <c r="AF118" s="181"/>
      <c r="AG118" s="181"/>
      <c r="AH118" s="181"/>
      <c r="AI118" s="181"/>
    </row>
    <row r="119" spans="1:35" ht="90">
      <c r="A119" s="20"/>
      <c r="B119" s="45" t="s">
        <v>126</v>
      </c>
      <c r="C119" s="25" t="s">
        <v>333</v>
      </c>
      <c r="D119" s="25" t="s">
        <v>344</v>
      </c>
      <c r="E119" s="81" t="s">
        <v>345</v>
      </c>
      <c r="F119" s="25" t="s">
        <v>36</v>
      </c>
      <c r="G119" s="25" t="s">
        <v>336</v>
      </c>
      <c r="H119" s="82" t="s">
        <v>158</v>
      </c>
      <c r="I119" s="82" t="s">
        <v>346</v>
      </c>
      <c r="J119" s="176" t="s">
        <v>133</v>
      </c>
      <c r="K119" s="116"/>
      <c r="L119" s="181"/>
      <c r="M119" s="181"/>
      <c r="N119" s="181"/>
      <c r="O119" s="181"/>
      <c r="P119" s="181"/>
      <c r="Q119" s="181"/>
      <c r="R119" s="181"/>
      <c r="S119" s="181"/>
      <c r="T119" s="181"/>
      <c r="U119" s="181"/>
      <c r="V119" s="181"/>
      <c r="W119" s="181"/>
      <c r="X119" s="181"/>
      <c r="Y119" s="181"/>
      <c r="Z119" s="181"/>
      <c r="AA119" s="181"/>
      <c r="AB119" s="181"/>
      <c r="AC119" s="181"/>
      <c r="AD119" s="181"/>
      <c r="AE119" s="181"/>
      <c r="AF119" s="181"/>
      <c r="AG119" s="181"/>
      <c r="AH119" s="181"/>
      <c r="AI119" s="181"/>
    </row>
    <row r="120" spans="1:35" ht="60">
      <c r="A120" s="20"/>
      <c r="B120" s="45" t="s">
        <v>126</v>
      </c>
      <c r="C120" s="25" t="s">
        <v>333</v>
      </c>
      <c r="D120" s="25" t="s">
        <v>347</v>
      </c>
      <c r="E120" s="81" t="s">
        <v>329</v>
      </c>
      <c r="F120" s="25" t="s">
        <v>36</v>
      </c>
      <c r="G120" s="25" t="s">
        <v>336</v>
      </c>
      <c r="H120" s="82" t="s">
        <v>158</v>
      </c>
      <c r="I120" s="82" t="s">
        <v>330</v>
      </c>
      <c r="J120" s="176"/>
      <c r="K120" s="116"/>
      <c r="L120" s="181"/>
      <c r="M120" s="181"/>
      <c r="N120" s="181"/>
      <c r="O120" s="181"/>
      <c r="P120" s="181"/>
      <c r="Q120" s="181"/>
      <c r="R120" s="181"/>
      <c r="S120" s="181"/>
      <c r="T120" s="181"/>
      <c r="U120" s="181"/>
      <c r="V120" s="181"/>
      <c r="W120" s="181"/>
      <c r="X120" s="181"/>
      <c r="Y120" s="181"/>
      <c r="Z120" s="181"/>
      <c r="AA120" s="181"/>
      <c r="AB120" s="181"/>
      <c r="AC120" s="181"/>
      <c r="AD120" s="181"/>
      <c r="AE120" s="181"/>
      <c r="AF120" s="181"/>
      <c r="AG120" s="181"/>
      <c r="AH120" s="181"/>
      <c r="AI120" s="181"/>
    </row>
    <row r="121" spans="1:35" ht="45">
      <c r="A121" s="20"/>
      <c r="B121" s="45" t="s">
        <v>126</v>
      </c>
      <c r="C121" s="83" t="s">
        <v>348</v>
      </c>
      <c r="D121" s="83" t="s">
        <v>349</v>
      </c>
      <c r="E121" s="84" t="s">
        <v>350</v>
      </c>
      <c r="F121" s="83" t="s">
        <v>36</v>
      </c>
      <c r="G121" s="83" t="s">
        <v>340</v>
      </c>
      <c r="H121" s="85" t="s">
        <v>158</v>
      </c>
      <c r="I121" s="85" t="s">
        <v>193</v>
      </c>
      <c r="J121" s="176">
        <v>1</v>
      </c>
      <c r="K121" s="116"/>
      <c r="L121" s="181"/>
      <c r="M121" s="181"/>
      <c r="N121" s="181"/>
      <c r="O121" s="181"/>
      <c r="P121" s="181"/>
      <c r="Q121" s="181"/>
      <c r="R121" s="181"/>
      <c r="S121" s="181"/>
      <c r="T121" s="181"/>
      <c r="U121" s="181"/>
      <c r="V121" s="181"/>
      <c r="W121" s="181"/>
      <c r="X121" s="181"/>
      <c r="Y121" s="181"/>
      <c r="Z121" s="181"/>
      <c r="AA121" s="181"/>
      <c r="AB121" s="181"/>
      <c r="AC121" s="181"/>
      <c r="AD121" s="181"/>
      <c r="AE121" s="181"/>
      <c r="AF121" s="181"/>
      <c r="AG121" s="181"/>
      <c r="AH121" s="181"/>
      <c r="AI121" s="181"/>
    </row>
    <row r="122" spans="1:35" ht="45">
      <c r="A122" s="20"/>
      <c r="B122" s="45" t="s">
        <v>126</v>
      </c>
      <c r="C122" s="83" t="s">
        <v>348</v>
      </c>
      <c r="D122" s="83" t="s">
        <v>351</v>
      </c>
      <c r="E122" s="84" t="s">
        <v>352</v>
      </c>
      <c r="F122" s="83" t="s">
        <v>36</v>
      </c>
      <c r="G122" s="83" t="s">
        <v>340</v>
      </c>
      <c r="H122" s="85" t="s">
        <v>158</v>
      </c>
      <c r="I122" s="85" t="s">
        <v>193</v>
      </c>
      <c r="J122" s="176" t="s">
        <v>133</v>
      </c>
      <c r="K122" s="116"/>
      <c r="L122" s="181"/>
      <c r="M122" s="181"/>
      <c r="N122" s="181"/>
      <c r="O122" s="181"/>
      <c r="P122" s="181"/>
      <c r="Q122" s="181"/>
      <c r="R122" s="181"/>
      <c r="S122" s="181"/>
      <c r="T122" s="181"/>
      <c r="U122" s="181"/>
      <c r="V122" s="181"/>
      <c r="W122" s="181"/>
      <c r="X122" s="181"/>
      <c r="Y122" s="181"/>
      <c r="Z122" s="181"/>
      <c r="AA122" s="181"/>
      <c r="AB122" s="181"/>
      <c r="AC122" s="181"/>
      <c r="AD122" s="181"/>
      <c r="AE122" s="181"/>
      <c r="AF122" s="181"/>
      <c r="AG122" s="181"/>
      <c r="AH122" s="181"/>
      <c r="AI122" s="181"/>
    </row>
    <row r="123" spans="1:35" ht="45">
      <c r="A123" s="20"/>
      <c r="B123" s="45" t="s">
        <v>126</v>
      </c>
      <c r="C123" s="83" t="s">
        <v>348</v>
      </c>
      <c r="D123" s="83" t="s">
        <v>353</v>
      </c>
      <c r="E123" s="84" t="s">
        <v>354</v>
      </c>
      <c r="F123" s="83" t="s">
        <v>36</v>
      </c>
      <c r="G123" s="83" t="s">
        <v>130</v>
      </c>
      <c r="H123" s="85" t="s">
        <v>158</v>
      </c>
      <c r="I123" s="85" t="s">
        <v>76</v>
      </c>
      <c r="J123" s="176">
        <v>1</v>
      </c>
      <c r="K123" s="116"/>
      <c r="L123" s="181"/>
      <c r="M123" s="181"/>
      <c r="N123" s="181"/>
      <c r="O123" s="181"/>
      <c r="P123" s="181"/>
      <c r="Q123" s="181"/>
      <c r="R123" s="181"/>
      <c r="S123" s="181"/>
      <c r="T123" s="181"/>
      <c r="U123" s="181"/>
      <c r="V123" s="181"/>
      <c r="W123" s="181"/>
      <c r="X123" s="181"/>
      <c r="Y123" s="181"/>
      <c r="Z123" s="181"/>
      <c r="AA123" s="181"/>
      <c r="AB123" s="181"/>
      <c r="AC123" s="181"/>
      <c r="AD123" s="181"/>
      <c r="AE123" s="181"/>
      <c r="AF123" s="181"/>
      <c r="AG123" s="181"/>
      <c r="AH123" s="181"/>
      <c r="AI123" s="181"/>
    </row>
    <row r="124" spans="1:35" ht="45">
      <c r="A124" s="20"/>
      <c r="B124" s="86" t="s">
        <v>355</v>
      </c>
      <c r="C124" s="78" t="s">
        <v>356</v>
      </c>
      <c r="D124" s="78" t="s">
        <v>357</v>
      </c>
      <c r="E124" s="79" t="s">
        <v>358</v>
      </c>
      <c r="F124" s="78" t="s">
        <v>75</v>
      </c>
      <c r="G124" s="78" t="s">
        <v>340</v>
      </c>
      <c r="H124" s="78" t="s">
        <v>158</v>
      </c>
      <c r="I124" s="78" t="s">
        <v>341</v>
      </c>
      <c r="J124" s="176">
        <v>14</v>
      </c>
      <c r="K124" s="116"/>
      <c r="L124" s="181"/>
      <c r="M124" s="181"/>
      <c r="N124" s="181"/>
      <c r="O124" s="181"/>
      <c r="P124" s="181"/>
      <c r="Q124" s="181"/>
      <c r="R124" s="181"/>
      <c r="S124" s="181"/>
      <c r="T124" s="181"/>
      <c r="U124" s="181"/>
      <c r="V124" s="181"/>
      <c r="W124" s="181"/>
      <c r="X124" s="181"/>
      <c r="Y124" s="181"/>
      <c r="Z124" s="181"/>
      <c r="AA124" s="181"/>
      <c r="AB124" s="181"/>
      <c r="AC124" s="181"/>
      <c r="AD124" s="181"/>
      <c r="AE124" s="181"/>
      <c r="AF124" s="181"/>
      <c r="AG124" s="181"/>
      <c r="AH124" s="181"/>
      <c r="AI124" s="181"/>
    </row>
    <row r="125" spans="1:35" ht="45">
      <c r="A125" s="20"/>
      <c r="B125" s="86" t="s">
        <v>355</v>
      </c>
      <c r="C125" s="78" t="s">
        <v>356</v>
      </c>
      <c r="D125" s="78" t="s">
        <v>359</v>
      </c>
      <c r="E125" s="79" t="s">
        <v>360</v>
      </c>
      <c r="F125" s="78" t="s">
        <v>36</v>
      </c>
      <c r="G125" s="78" t="s">
        <v>340</v>
      </c>
      <c r="H125" s="78" t="s">
        <v>158</v>
      </c>
      <c r="I125" s="78" t="s">
        <v>341</v>
      </c>
      <c r="J125" s="176">
        <v>14</v>
      </c>
      <c r="K125" s="116"/>
      <c r="L125" s="181"/>
      <c r="M125" s="181"/>
      <c r="N125" s="181"/>
      <c r="O125" s="181"/>
      <c r="P125" s="181"/>
      <c r="Q125" s="181"/>
      <c r="R125" s="181"/>
      <c r="S125" s="181"/>
      <c r="T125" s="181"/>
      <c r="U125" s="181"/>
      <c r="V125" s="181"/>
      <c r="W125" s="181"/>
      <c r="X125" s="181"/>
      <c r="Y125" s="181"/>
      <c r="Z125" s="181"/>
      <c r="AA125" s="181"/>
      <c r="AB125" s="181"/>
      <c r="AC125" s="181"/>
      <c r="AD125" s="181"/>
      <c r="AE125" s="181"/>
      <c r="AF125" s="181"/>
      <c r="AG125" s="181"/>
      <c r="AH125" s="181"/>
      <c r="AI125" s="181"/>
    </row>
    <row r="126" spans="1:35" ht="45">
      <c r="A126" s="20"/>
      <c r="B126" s="86" t="s">
        <v>355</v>
      </c>
      <c r="C126" s="78" t="s">
        <v>356</v>
      </c>
      <c r="D126" s="78" t="s">
        <v>361</v>
      </c>
      <c r="E126" s="79" t="s">
        <v>362</v>
      </c>
      <c r="F126" s="78" t="s">
        <v>36</v>
      </c>
      <c r="G126" s="78" t="s">
        <v>336</v>
      </c>
      <c r="H126" s="78" t="s">
        <v>158</v>
      </c>
      <c r="I126" s="78" t="s">
        <v>341</v>
      </c>
      <c r="J126" s="176">
        <v>14</v>
      </c>
      <c r="K126" s="116"/>
      <c r="L126" s="181"/>
      <c r="M126" s="181"/>
      <c r="N126" s="181"/>
      <c r="O126" s="181"/>
      <c r="P126" s="181"/>
      <c r="Q126" s="181"/>
      <c r="R126" s="181"/>
      <c r="S126" s="181"/>
      <c r="T126" s="181"/>
      <c r="U126" s="181"/>
      <c r="V126" s="181"/>
      <c r="W126" s="181"/>
      <c r="X126" s="181"/>
      <c r="Y126" s="181"/>
      <c r="Z126" s="181"/>
      <c r="AA126" s="181"/>
      <c r="AB126" s="181"/>
      <c r="AC126" s="181"/>
      <c r="AD126" s="181"/>
      <c r="AE126" s="181"/>
      <c r="AF126" s="181"/>
      <c r="AG126" s="181"/>
      <c r="AH126" s="181"/>
      <c r="AI126" s="181"/>
    </row>
    <row r="127" spans="1:35" ht="60">
      <c r="A127" s="20"/>
      <c r="B127" s="86" t="s">
        <v>355</v>
      </c>
      <c r="C127" s="55" t="s">
        <v>363</v>
      </c>
      <c r="D127" s="55" t="s">
        <v>364</v>
      </c>
      <c r="E127" s="56" t="s">
        <v>365</v>
      </c>
      <c r="F127" s="55" t="s">
        <v>75</v>
      </c>
      <c r="G127" s="55" t="s">
        <v>340</v>
      </c>
      <c r="H127" s="55" t="s">
        <v>158</v>
      </c>
      <c r="I127" s="55" t="s">
        <v>341</v>
      </c>
      <c r="J127" s="176">
        <v>14</v>
      </c>
      <c r="K127" s="116"/>
      <c r="L127" s="181"/>
      <c r="M127" s="181"/>
      <c r="N127" s="181"/>
      <c r="O127" s="181"/>
      <c r="P127" s="181"/>
      <c r="Q127" s="181"/>
      <c r="R127" s="181"/>
      <c r="S127" s="181"/>
      <c r="T127" s="181"/>
      <c r="U127" s="181"/>
      <c r="V127" s="181"/>
      <c r="W127" s="181"/>
      <c r="X127" s="181"/>
      <c r="Y127" s="181"/>
      <c r="Z127" s="181"/>
      <c r="AA127" s="181"/>
      <c r="AB127" s="181"/>
      <c r="AC127" s="181"/>
      <c r="AD127" s="181"/>
      <c r="AE127" s="181"/>
      <c r="AF127" s="181"/>
      <c r="AG127" s="181"/>
      <c r="AH127" s="181"/>
      <c r="AI127" s="181"/>
    </row>
    <row r="128" spans="1:35" ht="45">
      <c r="A128" s="20"/>
      <c r="B128" s="86" t="s">
        <v>355</v>
      </c>
      <c r="C128" s="55" t="s">
        <v>363</v>
      </c>
      <c r="D128" s="55" t="s">
        <v>366</v>
      </c>
      <c r="E128" s="56" t="s">
        <v>367</v>
      </c>
      <c r="F128" s="55" t="s">
        <v>75</v>
      </c>
      <c r="G128" s="55" t="s">
        <v>340</v>
      </c>
      <c r="H128" s="55" t="s">
        <v>158</v>
      </c>
      <c r="I128" s="55" t="s">
        <v>341</v>
      </c>
      <c r="J128" s="176">
        <v>14</v>
      </c>
      <c r="K128" s="116"/>
      <c r="L128" s="181"/>
      <c r="M128" s="181"/>
      <c r="N128" s="181"/>
      <c r="O128" s="181"/>
      <c r="P128" s="181"/>
      <c r="Q128" s="181"/>
      <c r="R128" s="181"/>
      <c r="S128" s="181"/>
      <c r="T128" s="181"/>
      <c r="U128" s="181"/>
      <c r="V128" s="181"/>
      <c r="W128" s="181"/>
      <c r="X128" s="181"/>
      <c r="Y128" s="181"/>
      <c r="Z128" s="181"/>
      <c r="AA128" s="181"/>
      <c r="AB128" s="181"/>
      <c r="AC128" s="181"/>
      <c r="AD128" s="181"/>
      <c r="AE128" s="181"/>
      <c r="AF128" s="181"/>
      <c r="AG128" s="181"/>
      <c r="AH128" s="181"/>
      <c r="AI128" s="181"/>
    </row>
    <row r="129" spans="1:35" ht="45">
      <c r="A129" s="20"/>
      <c r="B129" s="86" t="s">
        <v>355</v>
      </c>
      <c r="C129" s="87" t="s">
        <v>368</v>
      </c>
      <c r="D129" s="87" t="s">
        <v>369</v>
      </c>
      <c r="E129" s="88" t="s">
        <v>370</v>
      </c>
      <c r="F129" s="87" t="s">
        <v>36</v>
      </c>
      <c r="G129" s="87" t="s">
        <v>340</v>
      </c>
      <c r="H129" s="87" t="s">
        <v>158</v>
      </c>
      <c r="I129" s="87" t="s">
        <v>341</v>
      </c>
      <c r="J129" s="176" t="s">
        <v>371</v>
      </c>
      <c r="K129" s="116"/>
      <c r="L129" s="181"/>
      <c r="M129" s="181"/>
      <c r="N129" s="181"/>
      <c r="O129" s="181"/>
      <c r="P129" s="181"/>
      <c r="Q129" s="181"/>
      <c r="R129" s="181"/>
      <c r="S129" s="181"/>
      <c r="T129" s="181"/>
      <c r="U129" s="181"/>
      <c r="V129" s="181"/>
      <c r="W129" s="181"/>
      <c r="X129" s="181"/>
      <c r="Y129" s="181"/>
      <c r="Z129" s="181"/>
      <c r="AA129" s="181"/>
      <c r="AB129" s="181"/>
      <c r="AC129" s="181"/>
      <c r="AD129" s="181"/>
      <c r="AE129" s="181"/>
      <c r="AF129" s="181"/>
      <c r="AG129" s="181"/>
      <c r="AH129" s="181"/>
      <c r="AI129" s="181"/>
    </row>
    <row r="130" spans="1:35" ht="60">
      <c r="A130" s="20"/>
      <c r="B130" s="86" t="s">
        <v>355</v>
      </c>
      <c r="C130" s="22" t="s">
        <v>372</v>
      </c>
      <c r="D130" s="22" t="s">
        <v>373</v>
      </c>
      <c r="E130" s="23" t="s">
        <v>374</v>
      </c>
      <c r="F130" s="22" t="s">
        <v>36</v>
      </c>
      <c r="G130" s="22" t="s">
        <v>340</v>
      </c>
      <c r="H130" s="22" t="s">
        <v>158</v>
      </c>
      <c r="I130" s="22" t="s">
        <v>341</v>
      </c>
      <c r="J130" s="176">
        <v>14</v>
      </c>
      <c r="K130" s="116"/>
      <c r="L130" s="181"/>
      <c r="M130" s="181"/>
      <c r="N130" s="181"/>
      <c r="O130" s="181"/>
      <c r="P130" s="181"/>
      <c r="Q130" s="181"/>
      <c r="R130" s="181"/>
      <c r="S130" s="181"/>
      <c r="T130" s="181"/>
      <c r="U130" s="181"/>
      <c r="V130" s="181"/>
      <c r="W130" s="181"/>
      <c r="X130" s="181"/>
      <c r="Y130" s="181"/>
      <c r="Z130" s="181"/>
      <c r="AA130" s="181"/>
      <c r="AB130" s="181"/>
      <c r="AC130" s="181"/>
      <c r="AD130" s="181"/>
      <c r="AE130" s="181"/>
      <c r="AF130" s="181"/>
      <c r="AG130" s="181"/>
      <c r="AH130" s="181"/>
      <c r="AI130" s="181"/>
    </row>
    <row r="131" spans="1:35" ht="45">
      <c r="A131" s="20"/>
      <c r="B131" s="86" t="s">
        <v>355</v>
      </c>
      <c r="C131" s="89" t="s">
        <v>375</v>
      </c>
      <c r="D131" s="89" t="s">
        <v>376</v>
      </c>
      <c r="E131" s="90" t="s">
        <v>377</v>
      </c>
      <c r="F131" s="89" t="s">
        <v>75</v>
      </c>
      <c r="G131" s="89" t="s">
        <v>340</v>
      </c>
      <c r="H131" s="89" t="s">
        <v>158</v>
      </c>
      <c r="I131" s="89" t="s">
        <v>341</v>
      </c>
      <c r="J131" s="176">
        <v>14</v>
      </c>
      <c r="K131" s="116"/>
      <c r="L131" s="181"/>
      <c r="M131" s="181"/>
      <c r="N131" s="181"/>
      <c r="O131" s="181"/>
      <c r="P131" s="181"/>
      <c r="Q131" s="181"/>
      <c r="R131" s="181"/>
      <c r="S131" s="181"/>
      <c r="T131" s="181"/>
      <c r="U131" s="181"/>
      <c r="V131" s="181"/>
      <c r="W131" s="181"/>
      <c r="X131" s="181"/>
      <c r="Y131" s="181"/>
      <c r="Z131" s="181"/>
      <c r="AA131" s="181"/>
      <c r="AB131" s="181"/>
      <c r="AC131" s="181"/>
      <c r="AD131" s="181"/>
      <c r="AE131" s="181"/>
      <c r="AF131" s="181"/>
      <c r="AG131" s="181"/>
      <c r="AH131" s="181"/>
      <c r="AI131" s="181"/>
    </row>
    <row r="132" spans="1:35" ht="60">
      <c r="A132" s="20"/>
      <c r="B132" s="86" t="s">
        <v>355</v>
      </c>
      <c r="C132" s="89" t="s">
        <v>375</v>
      </c>
      <c r="D132" s="89" t="s">
        <v>378</v>
      </c>
      <c r="E132" s="90" t="s">
        <v>379</v>
      </c>
      <c r="F132" s="89" t="s">
        <v>36</v>
      </c>
      <c r="G132" s="89" t="s">
        <v>380</v>
      </c>
      <c r="H132" s="89" t="s">
        <v>158</v>
      </c>
      <c r="I132" s="89" t="s">
        <v>341</v>
      </c>
      <c r="J132" s="176">
        <v>14</v>
      </c>
      <c r="K132" s="116"/>
      <c r="L132" s="181"/>
      <c r="M132" s="181"/>
      <c r="N132" s="181"/>
      <c r="O132" s="181"/>
      <c r="P132" s="181"/>
      <c r="Q132" s="181"/>
      <c r="R132" s="181"/>
      <c r="S132" s="181"/>
      <c r="T132" s="181"/>
      <c r="U132" s="181"/>
      <c r="V132" s="181"/>
      <c r="W132" s="181"/>
      <c r="X132" s="181"/>
      <c r="Y132" s="181"/>
      <c r="Z132" s="181"/>
      <c r="AA132" s="181"/>
      <c r="AB132" s="181"/>
      <c r="AC132" s="181"/>
      <c r="AD132" s="181"/>
      <c r="AE132" s="181"/>
      <c r="AF132" s="181"/>
      <c r="AG132" s="181"/>
      <c r="AH132" s="181"/>
      <c r="AI132" s="181"/>
    </row>
    <row r="133" spans="1:35" ht="75">
      <c r="A133" s="20"/>
      <c r="B133" s="86" t="s">
        <v>355</v>
      </c>
      <c r="C133" s="91" t="s">
        <v>381</v>
      </c>
      <c r="D133" s="91" t="s">
        <v>382</v>
      </c>
      <c r="E133" s="92" t="s">
        <v>383</v>
      </c>
      <c r="F133" s="91" t="s">
        <v>36</v>
      </c>
      <c r="G133" s="91" t="s">
        <v>247</v>
      </c>
      <c r="H133" s="91" t="s">
        <v>158</v>
      </c>
      <c r="I133" s="91" t="s">
        <v>341</v>
      </c>
      <c r="J133" s="176">
        <v>14</v>
      </c>
      <c r="K133" s="116"/>
      <c r="L133" s="181"/>
      <c r="M133" s="181"/>
      <c r="N133" s="181"/>
      <c r="O133" s="181"/>
      <c r="P133" s="181"/>
      <c r="Q133" s="181"/>
      <c r="R133" s="181"/>
      <c r="S133" s="181"/>
      <c r="T133" s="181"/>
      <c r="U133" s="181"/>
      <c r="V133" s="181"/>
      <c r="W133" s="181"/>
      <c r="X133" s="181"/>
      <c r="Y133" s="181"/>
      <c r="Z133" s="181"/>
      <c r="AA133" s="181"/>
      <c r="AB133" s="181"/>
      <c r="AC133" s="181"/>
      <c r="AD133" s="181"/>
      <c r="AE133" s="181"/>
      <c r="AF133" s="181"/>
      <c r="AG133" s="181"/>
      <c r="AH133" s="181"/>
      <c r="AI133" s="181"/>
    </row>
    <row r="134" spans="1:35" ht="45">
      <c r="A134" s="20"/>
      <c r="B134" s="86" t="s">
        <v>355</v>
      </c>
      <c r="C134" s="46" t="s">
        <v>384</v>
      </c>
      <c r="D134" s="46" t="s">
        <v>385</v>
      </c>
      <c r="E134" s="47" t="s">
        <v>386</v>
      </c>
      <c r="F134" s="46" t="s">
        <v>36</v>
      </c>
      <c r="G134" s="46" t="s">
        <v>340</v>
      </c>
      <c r="H134" s="46" t="s">
        <v>158</v>
      </c>
      <c r="I134" s="46" t="s">
        <v>341</v>
      </c>
      <c r="J134" s="176">
        <v>14</v>
      </c>
      <c r="K134" s="116"/>
      <c r="L134" s="181"/>
      <c r="M134" s="181"/>
      <c r="N134" s="181"/>
      <c r="O134" s="181"/>
      <c r="P134" s="181"/>
      <c r="Q134" s="181"/>
      <c r="R134" s="181"/>
      <c r="S134" s="181"/>
      <c r="T134" s="181"/>
      <c r="U134" s="181"/>
      <c r="V134" s="181"/>
      <c r="W134" s="181"/>
      <c r="X134" s="181"/>
      <c r="Y134" s="181"/>
      <c r="Z134" s="181"/>
      <c r="AA134" s="181"/>
      <c r="AB134" s="181"/>
      <c r="AC134" s="181"/>
      <c r="AD134" s="181"/>
      <c r="AE134" s="181"/>
      <c r="AF134" s="181"/>
      <c r="AG134" s="181"/>
      <c r="AH134" s="181"/>
      <c r="AI134" s="181"/>
    </row>
    <row r="135" spans="1:35" ht="60">
      <c r="A135" s="20"/>
      <c r="B135" s="86" t="s">
        <v>355</v>
      </c>
      <c r="C135" s="46" t="s">
        <v>384</v>
      </c>
      <c r="D135" s="46" t="s">
        <v>387</v>
      </c>
      <c r="E135" s="47" t="s">
        <v>388</v>
      </c>
      <c r="F135" s="46" t="s">
        <v>75</v>
      </c>
      <c r="G135" s="46" t="s">
        <v>340</v>
      </c>
      <c r="H135" s="46" t="s">
        <v>158</v>
      </c>
      <c r="I135" s="46" t="s">
        <v>341</v>
      </c>
      <c r="J135" s="176">
        <v>14</v>
      </c>
      <c r="K135" s="116"/>
      <c r="L135" s="181"/>
      <c r="M135" s="181"/>
      <c r="N135" s="181"/>
      <c r="O135" s="181"/>
      <c r="P135" s="181"/>
      <c r="Q135" s="181"/>
      <c r="R135" s="181"/>
      <c r="S135" s="181"/>
      <c r="T135" s="181"/>
      <c r="U135" s="181"/>
      <c r="V135" s="181"/>
      <c r="W135" s="181"/>
      <c r="X135" s="181"/>
      <c r="Y135" s="181"/>
      <c r="Z135" s="181"/>
      <c r="AA135" s="181"/>
      <c r="AB135" s="181"/>
      <c r="AC135" s="181"/>
      <c r="AD135" s="181"/>
      <c r="AE135" s="181"/>
      <c r="AF135" s="181"/>
      <c r="AG135" s="181"/>
      <c r="AH135" s="181"/>
      <c r="AI135" s="181"/>
    </row>
    <row r="136" spans="1:35" ht="120">
      <c r="A136" s="20"/>
      <c r="B136" s="86" t="s">
        <v>355</v>
      </c>
      <c r="C136" s="93" t="s">
        <v>389</v>
      </c>
      <c r="D136" s="93" t="s">
        <v>390</v>
      </c>
      <c r="E136" s="94" t="s">
        <v>391</v>
      </c>
      <c r="F136" s="93" t="s">
        <v>36</v>
      </c>
      <c r="G136" s="93" t="s">
        <v>130</v>
      </c>
      <c r="H136" s="93" t="s">
        <v>143</v>
      </c>
      <c r="I136" s="93" t="s">
        <v>341</v>
      </c>
      <c r="J136" s="176" t="s">
        <v>392</v>
      </c>
      <c r="K136" s="116"/>
      <c r="L136" s="181"/>
      <c r="M136" s="181"/>
      <c r="N136" s="181"/>
      <c r="O136" s="181"/>
      <c r="P136" s="181"/>
      <c r="Q136" s="181"/>
      <c r="R136" s="181"/>
      <c r="S136" s="181"/>
      <c r="T136" s="181"/>
      <c r="U136" s="181"/>
      <c r="V136" s="181"/>
      <c r="W136" s="181"/>
      <c r="X136" s="181"/>
      <c r="Y136" s="181"/>
      <c r="Z136" s="181"/>
      <c r="AA136" s="181"/>
      <c r="AB136" s="181"/>
      <c r="AC136" s="181"/>
      <c r="AD136" s="181"/>
      <c r="AE136" s="181"/>
      <c r="AF136" s="181"/>
      <c r="AG136" s="181"/>
      <c r="AH136" s="181"/>
      <c r="AI136" s="181"/>
    </row>
    <row r="137" spans="1:35" ht="60">
      <c r="A137" s="20"/>
      <c r="B137" s="86" t="s">
        <v>355</v>
      </c>
      <c r="C137" s="93" t="s">
        <v>389</v>
      </c>
      <c r="D137" s="93" t="s">
        <v>393</v>
      </c>
      <c r="E137" s="94" t="s">
        <v>394</v>
      </c>
      <c r="F137" s="93" t="s">
        <v>36</v>
      </c>
      <c r="G137" s="93" t="s">
        <v>340</v>
      </c>
      <c r="H137" s="93" t="s">
        <v>158</v>
      </c>
      <c r="I137" s="93" t="s">
        <v>341</v>
      </c>
      <c r="J137" s="176" t="s">
        <v>371</v>
      </c>
      <c r="K137" s="116"/>
      <c r="L137" s="181"/>
      <c r="M137" s="181"/>
      <c r="N137" s="181"/>
      <c r="O137" s="181"/>
      <c r="P137" s="181"/>
      <c r="Q137" s="181"/>
      <c r="R137" s="181"/>
      <c r="S137" s="181"/>
      <c r="T137" s="181"/>
      <c r="U137" s="181"/>
      <c r="V137" s="181"/>
      <c r="W137" s="181"/>
      <c r="X137" s="181"/>
      <c r="Y137" s="181"/>
      <c r="Z137" s="181"/>
      <c r="AA137" s="181"/>
      <c r="AB137" s="181"/>
      <c r="AC137" s="181"/>
      <c r="AD137" s="181"/>
      <c r="AE137" s="181"/>
      <c r="AF137" s="181"/>
      <c r="AG137" s="181"/>
      <c r="AH137" s="181"/>
      <c r="AI137" s="181"/>
    </row>
    <row r="138" spans="1:35" ht="120">
      <c r="A138" s="20"/>
      <c r="B138" s="86" t="s">
        <v>355</v>
      </c>
      <c r="C138" s="70" t="s">
        <v>395</v>
      </c>
      <c r="D138" s="70" t="s">
        <v>396</v>
      </c>
      <c r="E138" s="95" t="s">
        <v>397</v>
      </c>
      <c r="F138" s="70" t="s">
        <v>36</v>
      </c>
      <c r="G138" s="70" t="s">
        <v>130</v>
      </c>
      <c r="H138" s="70" t="s">
        <v>143</v>
      </c>
      <c r="I138" s="70" t="s">
        <v>341</v>
      </c>
      <c r="J138" s="176" t="s">
        <v>392</v>
      </c>
      <c r="K138" s="116"/>
      <c r="L138" s="181"/>
      <c r="M138" s="181"/>
      <c r="N138" s="181"/>
      <c r="O138" s="181"/>
      <c r="P138" s="181"/>
      <c r="Q138" s="181"/>
      <c r="R138" s="181"/>
      <c r="S138" s="181"/>
      <c r="T138" s="181"/>
      <c r="U138" s="181"/>
      <c r="V138" s="181"/>
      <c r="W138" s="181"/>
      <c r="X138" s="181"/>
      <c r="Y138" s="181"/>
      <c r="Z138" s="181"/>
      <c r="AA138" s="181"/>
      <c r="AB138" s="181"/>
      <c r="AC138" s="181"/>
      <c r="AD138" s="181"/>
      <c r="AE138" s="181"/>
      <c r="AF138" s="181"/>
      <c r="AG138" s="181"/>
      <c r="AH138" s="181"/>
      <c r="AI138" s="181"/>
    </row>
    <row r="139" spans="1:35" ht="75">
      <c r="A139" s="20"/>
      <c r="B139" s="97" t="s">
        <v>398</v>
      </c>
      <c r="C139" s="98" t="s">
        <v>399</v>
      </c>
      <c r="D139" s="98" t="s">
        <v>400</v>
      </c>
      <c r="E139" s="99" t="s">
        <v>401</v>
      </c>
      <c r="F139" s="98" t="s">
        <v>36</v>
      </c>
      <c r="G139" s="98" t="s">
        <v>402</v>
      </c>
      <c r="H139" s="100" t="s">
        <v>403</v>
      </c>
      <c r="I139" s="100" t="s">
        <v>404</v>
      </c>
      <c r="J139" s="176" t="s">
        <v>405</v>
      </c>
      <c r="K139" s="116"/>
      <c r="L139" s="181"/>
      <c r="M139" s="181"/>
      <c r="N139" s="181"/>
      <c r="O139" s="181"/>
      <c r="P139" s="181"/>
      <c r="Q139" s="181"/>
      <c r="R139" s="181"/>
      <c r="S139" s="181"/>
      <c r="T139" s="181"/>
      <c r="U139" s="181"/>
      <c r="V139" s="181"/>
      <c r="W139" s="181"/>
      <c r="X139" s="181"/>
      <c r="Y139" s="181"/>
      <c r="Z139" s="181"/>
      <c r="AA139" s="181"/>
      <c r="AB139" s="181"/>
      <c r="AC139" s="181"/>
      <c r="AD139" s="181"/>
      <c r="AE139" s="181"/>
      <c r="AF139" s="181"/>
      <c r="AG139" s="181"/>
      <c r="AH139" s="181"/>
      <c r="AI139" s="181"/>
    </row>
    <row r="140" spans="1:35" ht="90">
      <c r="A140" s="20"/>
      <c r="B140" s="97" t="s">
        <v>398</v>
      </c>
      <c r="C140" s="98" t="s">
        <v>399</v>
      </c>
      <c r="D140" s="98" t="s">
        <v>406</v>
      </c>
      <c r="E140" s="99" t="s">
        <v>407</v>
      </c>
      <c r="F140" s="98" t="s">
        <v>36</v>
      </c>
      <c r="G140" s="98" t="s">
        <v>402</v>
      </c>
      <c r="H140" s="100" t="s">
        <v>403</v>
      </c>
      <c r="I140" s="100" t="s">
        <v>404</v>
      </c>
      <c r="J140" s="176">
        <v>16</v>
      </c>
      <c r="K140" s="116"/>
      <c r="L140" s="181"/>
      <c r="M140" s="181"/>
      <c r="N140" s="181"/>
      <c r="O140" s="181"/>
      <c r="P140" s="181"/>
      <c r="Q140" s="181"/>
      <c r="R140" s="181"/>
      <c r="S140" s="181"/>
      <c r="T140" s="181"/>
      <c r="U140" s="181"/>
      <c r="V140" s="181"/>
      <c r="W140" s="181"/>
      <c r="X140" s="181"/>
      <c r="Y140" s="181"/>
      <c r="Z140" s="181"/>
      <c r="AA140" s="181"/>
      <c r="AB140" s="181"/>
      <c r="AC140" s="181"/>
      <c r="AD140" s="181"/>
      <c r="AE140" s="181"/>
      <c r="AF140" s="181"/>
      <c r="AG140" s="181"/>
      <c r="AH140" s="181"/>
      <c r="AI140" s="181"/>
    </row>
    <row r="141" spans="1:35" ht="45">
      <c r="A141" s="20"/>
      <c r="B141" s="97" t="s">
        <v>398</v>
      </c>
      <c r="C141" s="98" t="s">
        <v>399</v>
      </c>
      <c r="D141" s="98" t="s">
        <v>408</v>
      </c>
      <c r="E141" s="99" t="s">
        <v>409</v>
      </c>
      <c r="F141" s="98" t="s">
        <v>36</v>
      </c>
      <c r="G141" s="98" t="s">
        <v>402</v>
      </c>
      <c r="H141" s="100" t="s">
        <v>403</v>
      </c>
      <c r="I141" s="100" t="s">
        <v>404</v>
      </c>
      <c r="J141" s="176">
        <v>16</v>
      </c>
      <c r="K141" s="116"/>
      <c r="L141" s="181"/>
      <c r="M141" s="181"/>
      <c r="N141" s="181"/>
      <c r="O141" s="181"/>
      <c r="P141" s="181"/>
      <c r="Q141" s="181"/>
      <c r="R141" s="181"/>
      <c r="S141" s="181"/>
      <c r="T141" s="181"/>
      <c r="U141" s="181"/>
      <c r="V141" s="181"/>
      <c r="W141" s="181"/>
      <c r="X141" s="181"/>
      <c r="Y141" s="181"/>
      <c r="Z141" s="181"/>
      <c r="AA141" s="181"/>
      <c r="AB141" s="181"/>
      <c r="AC141" s="181"/>
      <c r="AD141" s="181"/>
      <c r="AE141" s="181"/>
      <c r="AF141" s="181"/>
      <c r="AG141" s="181"/>
      <c r="AH141" s="181"/>
      <c r="AI141" s="181"/>
    </row>
    <row r="142" spans="1:35" ht="45">
      <c r="A142" s="20"/>
      <c r="B142" s="101" t="s">
        <v>398</v>
      </c>
      <c r="C142" s="98" t="s">
        <v>410</v>
      </c>
      <c r="D142" s="98" t="s">
        <v>411</v>
      </c>
      <c r="E142" s="99" t="s">
        <v>412</v>
      </c>
      <c r="F142" s="98" t="s">
        <v>36</v>
      </c>
      <c r="G142" s="98" t="s">
        <v>402</v>
      </c>
      <c r="H142" s="100" t="s">
        <v>403</v>
      </c>
      <c r="I142" s="100" t="s">
        <v>413</v>
      </c>
      <c r="J142" s="176">
        <v>17</v>
      </c>
      <c r="K142" s="116"/>
      <c r="L142" s="181"/>
      <c r="M142" s="181"/>
      <c r="N142" s="181"/>
      <c r="O142" s="181"/>
      <c r="P142" s="181"/>
      <c r="Q142" s="181"/>
      <c r="R142" s="181"/>
      <c r="S142" s="181"/>
      <c r="T142" s="181"/>
      <c r="U142" s="181"/>
      <c r="V142" s="181"/>
      <c r="W142" s="181"/>
      <c r="X142" s="181"/>
      <c r="Y142" s="181"/>
      <c r="Z142" s="181"/>
      <c r="AA142" s="181"/>
      <c r="AB142" s="181"/>
      <c r="AC142" s="181"/>
      <c r="AD142" s="181"/>
      <c r="AE142" s="181"/>
      <c r="AF142" s="181"/>
      <c r="AG142" s="181"/>
      <c r="AH142" s="181"/>
      <c r="AI142" s="181"/>
    </row>
    <row r="143" spans="1:35" ht="45">
      <c r="A143" s="20"/>
      <c r="B143" s="101" t="s">
        <v>398</v>
      </c>
      <c r="C143" s="98" t="s">
        <v>410</v>
      </c>
      <c r="D143" s="98" t="s">
        <v>414</v>
      </c>
      <c r="E143" s="99" t="s">
        <v>415</v>
      </c>
      <c r="F143" s="98" t="s">
        <v>36</v>
      </c>
      <c r="G143" s="98" t="s">
        <v>402</v>
      </c>
      <c r="H143" s="100" t="s">
        <v>403</v>
      </c>
      <c r="I143" s="100" t="s">
        <v>413</v>
      </c>
      <c r="J143" s="176">
        <v>17</v>
      </c>
      <c r="K143" s="116"/>
      <c r="L143" s="181"/>
      <c r="M143" s="181"/>
      <c r="N143" s="181"/>
      <c r="O143" s="181"/>
      <c r="P143" s="181"/>
      <c r="Q143" s="181"/>
      <c r="R143" s="181"/>
      <c r="S143" s="181"/>
      <c r="T143" s="181"/>
      <c r="U143" s="181"/>
      <c r="V143" s="181"/>
      <c r="W143" s="181"/>
      <c r="X143" s="181"/>
      <c r="Y143" s="181"/>
      <c r="Z143" s="181"/>
      <c r="AA143" s="181"/>
      <c r="AB143" s="181"/>
      <c r="AC143" s="181"/>
      <c r="AD143" s="181"/>
      <c r="AE143" s="181"/>
      <c r="AF143" s="181"/>
      <c r="AG143" s="181"/>
      <c r="AH143" s="181"/>
      <c r="AI143" s="181"/>
    </row>
    <row r="144" spans="1:35" ht="45">
      <c r="A144" s="20"/>
      <c r="B144" s="101" t="s">
        <v>398</v>
      </c>
      <c r="C144" s="98" t="s">
        <v>416</v>
      </c>
      <c r="D144" s="98" t="s">
        <v>417</v>
      </c>
      <c r="E144" s="99" t="s">
        <v>418</v>
      </c>
      <c r="F144" s="98" t="s">
        <v>36</v>
      </c>
      <c r="G144" s="98" t="s">
        <v>402</v>
      </c>
      <c r="H144" s="100" t="s">
        <v>403</v>
      </c>
      <c r="I144" s="100" t="s">
        <v>419</v>
      </c>
      <c r="J144" s="176">
        <v>17</v>
      </c>
      <c r="K144" s="116"/>
      <c r="L144" s="181"/>
      <c r="M144" s="181"/>
      <c r="N144" s="181"/>
      <c r="O144" s="181"/>
      <c r="P144" s="181"/>
      <c r="Q144" s="181"/>
      <c r="R144" s="181"/>
      <c r="S144" s="181"/>
      <c r="T144" s="181"/>
      <c r="U144" s="181"/>
      <c r="V144" s="181"/>
      <c r="W144" s="181"/>
      <c r="X144" s="181"/>
      <c r="Y144" s="181"/>
      <c r="Z144" s="181"/>
      <c r="AA144" s="181"/>
      <c r="AB144" s="181"/>
      <c r="AC144" s="181"/>
      <c r="AD144" s="181"/>
      <c r="AE144" s="181"/>
      <c r="AF144" s="181"/>
      <c r="AG144" s="181"/>
      <c r="AH144" s="181"/>
      <c r="AI144" s="181"/>
    </row>
    <row r="145" spans="1:35" ht="45">
      <c r="A145" s="20"/>
      <c r="B145" s="101" t="s">
        <v>398</v>
      </c>
      <c r="C145" s="102" t="s">
        <v>322</v>
      </c>
      <c r="D145" s="102" t="s">
        <v>420</v>
      </c>
      <c r="E145" s="103" t="s">
        <v>421</v>
      </c>
      <c r="F145" s="102" t="s">
        <v>36</v>
      </c>
      <c r="G145" s="102" t="s">
        <v>402</v>
      </c>
      <c r="H145" s="104" t="s">
        <v>403</v>
      </c>
      <c r="I145" s="104" t="s">
        <v>422</v>
      </c>
      <c r="J145" s="176" t="s">
        <v>423</v>
      </c>
      <c r="K145" s="116"/>
      <c r="L145" s="181"/>
      <c r="M145" s="181"/>
      <c r="N145" s="181"/>
      <c r="O145" s="181"/>
      <c r="P145" s="181"/>
      <c r="Q145" s="181"/>
      <c r="R145" s="181"/>
      <c r="S145" s="181"/>
      <c r="T145" s="181"/>
      <c r="U145" s="181"/>
      <c r="V145" s="181"/>
      <c r="W145" s="181"/>
      <c r="X145" s="181"/>
      <c r="Y145" s="181"/>
      <c r="Z145" s="181"/>
      <c r="AA145" s="181"/>
      <c r="AB145" s="181"/>
      <c r="AC145" s="181"/>
      <c r="AD145" s="181"/>
      <c r="AE145" s="181"/>
      <c r="AF145" s="181"/>
      <c r="AG145" s="181"/>
      <c r="AH145" s="181"/>
      <c r="AI145" s="181"/>
    </row>
    <row r="146" spans="1:35" ht="75">
      <c r="A146" s="20"/>
      <c r="B146" s="101" t="s">
        <v>398</v>
      </c>
      <c r="C146" s="105" t="s">
        <v>424</v>
      </c>
      <c r="D146" s="105" t="s">
        <v>425</v>
      </c>
      <c r="E146" s="106" t="s">
        <v>426</v>
      </c>
      <c r="F146" s="105" t="s">
        <v>36</v>
      </c>
      <c r="G146" s="105" t="s">
        <v>402</v>
      </c>
      <c r="H146" s="107" t="s">
        <v>427</v>
      </c>
      <c r="I146" s="107" t="s">
        <v>428</v>
      </c>
      <c r="J146" s="176" t="s">
        <v>429</v>
      </c>
      <c r="K146" s="116"/>
      <c r="L146" s="181"/>
      <c r="M146" s="181"/>
      <c r="N146" s="181"/>
      <c r="O146" s="181"/>
      <c r="P146" s="181"/>
      <c r="Q146" s="181"/>
      <c r="R146" s="181"/>
      <c r="S146" s="181"/>
      <c r="T146" s="181"/>
      <c r="U146" s="181"/>
      <c r="V146" s="181"/>
      <c r="W146" s="181"/>
      <c r="X146" s="181"/>
      <c r="Y146" s="181"/>
      <c r="Z146" s="181"/>
      <c r="AA146" s="181"/>
      <c r="AB146" s="181"/>
      <c r="AC146" s="181"/>
      <c r="AD146" s="181"/>
      <c r="AE146" s="181"/>
      <c r="AF146" s="181"/>
      <c r="AG146" s="181"/>
      <c r="AH146" s="181"/>
      <c r="AI146" s="181"/>
    </row>
    <row r="147" spans="1:35" ht="90">
      <c r="A147" s="20"/>
      <c r="B147" s="101" t="s">
        <v>398</v>
      </c>
      <c r="C147" s="105" t="s">
        <v>424</v>
      </c>
      <c r="D147" s="105" t="s">
        <v>430</v>
      </c>
      <c r="E147" s="106" t="s">
        <v>431</v>
      </c>
      <c r="F147" s="105" t="s">
        <v>36</v>
      </c>
      <c r="G147" s="105" t="s">
        <v>402</v>
      </c>
      <c r="H147" s="107" t="s">
        <v>427</v>
      </c>
      <c r="I147" s="107" t="s">
        <v>76</v>
      </c>
      <c r="J147" s="176">
        <v>9</v>
      </c>
      <c r="K147" s="116"/>
      <c r="L147" s="181"/>
      <c r="M147" s="181"/>
      <c r="N147" s="181"/>
      <c r="O147" s="181"/>
      <c r="P147" s="181"/>
      <c r="Q147" s="181"/>
      <c r="R147" s="181"/>
      <c r="S147" s="181"/>
      <c r="T147" s="181"/>
      <c r="U147" s="181"/>
      <c r="V147" s="181"/>
      <c r="W147" s="181"/>
      <c r="X147" s="181"/>
      <c r="Y147" s="181"/>
      <c r="Z147" s="181"/>
      <c r="AA147" s="181"/>
      <c r="AB147" s="181"/>
      <c r="AC147" s="181"/>
      <c r="AD147" s="181"/>
      <c r="AE147" s="181"/>
      <c r="AF147" s="181"/>
      <c r="AG147" s="181"/>
      <c r="AH147" s="181"/>
      <c r="AI147" s="181"/>
    </row>
    <row r="148" spans="1:35" ht="120">
      <c r="A148" s="20"/>
      <c r="B148" s="101" t="s">
        <v>398</v>
      </c>
      <c r="C148" s="108" t="s">
        <v>432</v>
      </c>
      <c r="D148" s="108" t="s">
        <v>432</v>
      </c>
      <c r="E148" s="109" t="s">
        <v>433</v>
      </c>
      <c r="F148" s="108" t="s">
        <v>75</v>
      </c>
      <c r="G148" s="108" t="s">
        <v>402</v>
      </c>
      <c r="H148" s="162" t="s">
        <v>403</v>
      </c>
      <c r="I148" s="110" t="s">
        <v>76</v>
      </c>
      <c r="J148" s="176" t="s">
        <v>434</v>
      </c>
      <c r="K148" s="116"/>
      <c r="L148" s="181"/>
      <c r="M148" s="181"/>
      <c r="N148" s="181"/>
      <c r="O148" s="181"/>
      <c r="P148" s="181"/>
      <c r="Q148" s="181"/>
      <c r="R148" s="181"/>
      <c r="S148" s="181"/>
      <c r="T148" s="181"/>
      <c r="U148" s="181"/>
      <c r="V148" s="181"/>
      <c r="W148" s="181"/>
      <c r="X148" s="181"/>
      <c r="Y148" s="181"/>
      <c r="Z148" s="181"/>
      <c r="AA148" s="181"/>
      <c r="AB148" s="181"/>
      <c r="AC148" s="181"/>
      <c r="AD148" s="181"/>
      <c r="AE148" s="181"/>
      <c r="AF148" s="181"/>
      <c r="AG148" s="181"/>
      <c r="AH148" s="181"/>
      <c r="AI148" s="181"/>
    </row>
    <row r="149" spans="1:35" ht="60">
      <c r="A149" s="20"/>
      <c r="B149" s="101" t="s">
        <v>398</v>
      </c>
      <c r="C149" s="111" t="s">
        <v>435</v>
      </c>
      <c r="D149" s="150" t="s">
        <v>436</v>
      </c>
      <c r="E149" s="112" t="s">
        <v>437</v>
      </c>
      <c r="F149" s="113" t="s">
        <v>75</v>
      </c>
      <c r="G149" s="113" t="s">
        <v>402</v>
      </c>
      <c r="H149" s="163" t="s">
        <v>427</v>
      </c>
      <c r="I149" s="114" t="s">
        <v>76</v>
      </c>
      <c r="J149" s="176"/>
      <c r="K149" s="116"/>
      <c r="L149" s="181"/>
      <c r="M149" s="181"/>
      <c r="N149" s="181"/>
      <c r="O149" s="181"/>
      <c r="P149" s="181"/>
      <c r="Q149" s="181"/>
      <c r="R149" s="181"/>
      <c r="S149" s="181"/>
      <c r="T149" s="181"/>
      <c r="U149" s="181"/>
      <c r="V149" s="181"/>
      <c r="W149" s="181"/>
      <c r="X149" s="181"/>
      <c r="Y149" s="181"/>
      <c r="Z149" s="181"/>
      <c r="AA149" s="181"/>
      <c r="AB149" s="181"/>
      <c r="AC149" s="181"/>
      <c r="AD149" s="181"/>
      <c r="AE149" s="181"/>
      <c r="AF149" s="181"/>
      <c r="AG149" s="181"/>
      <c r="AH149" s="181"/>
      <c r="AI149" s="181"/>
    </row>
    <row r="150" spans="1:35" ht="45">
      <c r="A150" s="20"/>
      <c r="B150" s="115" t="s">
        <v>398</v>
      </c>
      <c r="C150" s="111" t="s">
        <v>435</v>
      </c>
      <c r="D150" s="111" t="s">
        <v>438</v>
      </c>
      <c r="E150" s="112" t="s">
        <v>439</v>
      </c>
      <c r="F150" s="113" t="s">
        <v>75</v>
      </c>
      <c r="G150" s="113" t="s">
        <v>402</v>
      </c>
      <c r="H150" s="163" t="s">
        <v>427</v>
      </c>
      <c r="I150" s="114" t="s">
        <v>76</v>
      </c>
      <c r="J150" s="178"/>
      <c r="K150" s="116"/>
      <c r="L150" s="181"/>
      <c r="M150" s="181"/>
      <c r="N150" s="181"/>
      <c r="O150" s="181"/>
      <c r="P150" s="181"/>
      <c r="Q150" s="181"/>
      <c r="R150" s="181"/>
      <c r="S150" s="181"/>
      <c r="T150" s="181"/>
      <c r="U150" s="181"/>
      <c r="V150" s="181"/>
      <c r="W150" s="181"/>
      <c r="X150" s="181"/>
      <c r="Y150" s="181"/>
      <c r="Z150" s="181"/>
      <c r="AA150" s="181"/>
      <c r="AB150" s="181"/>
      <c r="AC150" s="181"/>
      <c r="AD150" s="181"/>
      <c r="AE150" s="181"/>
      <c r="AF150" s="181"/>
      <c r="AG150" s="181"/>
      <c r="AH150" s="181"/>
      <c r="AI150" s="181"/>
    </row>
    <row r="151" spans="1:35">
      <c r="B151" s="2"/>
      <c r="C151" s="19"/>
      <c r="D151" s="19"/>
      <c r="E151" s="15"/>
      <c r="F151" s="16"/>
      <c r="G151" s="16"/>
      <c r="H151" s="16"/>
      <c r="I151" s="16"/>
      <c r="J151" s="6"/>
    </row>
    <row r="152" spans="1:35">
      <c r="B152" s="2"/>
      <c r="C152" s="19"/>
      <c r="D152" s="19"/>
      <c r="E152" s="15"/>
      <c r="F152" s="16"/>
      <c r="G152" s="16"/>
      <c r="H152" s="16"/>
      <c r="I152" s="16"/>
      <c r="J152" s="6"/>
    </row>
    <row r="153" spans="1:35">
      <c r="B153" s="2"/>
      <c r="C153" s="19"/>
      <c r="D153" s="19"/>
      <c r="E153" s="15"/>
      <c r="F153" s="16"/>
      <c r="G153" s="16"/>
      <c r="H153" s="16"/>
      <c r="I153" s="16"/>
      <c r="J153" s="6"/>
    </row>
    <row r="154" spans="1:35">
      <c r="B154" s="2"/>
      <c r="C154" s="19"/>
      <c r="D154" s="19"/>
      <c r="E154" s="15"/>
      <c r="F154" s="16"/>
      <c r="G154" s="16"/>
      <c r="H154" s="16"/>
      <c r="I154" s="16"/>
      <c r="J154" s="6"/>
    </row>
    <row r="155" spans="1:35">
      <c r="B155" s="2"/>
      <c r="C155" s="19"/>
      <c r="D155" s="19"/>
      <c r="E155" s="15"/>
      <c r="F155" s="16"/>
      <c r="G155" s="16"/>
      <c r="H155" s="16"/>
      <c r="I155" s="16"/>
      <c r="J155" s="6"/>
    </row>
    <row r="156" spans="1:35">
      <c r="B156" s="2"/>
      <c r="C156" s="19"/>
      <c r="D156" s="19"/>
      <c r="E156" s="15"/>
      <c r="F156" s="16"/>
      <c r="G156" s="16"/>
      <c r="H156" s="16"/>
      <c r="I156" s="16"/>
      <c r="J156" s="6"/>
    </row>
    <row r="157" spans="1:35">
      <c r="B157" s="2"/>
      <c r="C157" s="19"/>
      <c r="D157" s="19"/>
      <c r="E157" s="15"/>
      <c r="F157" s="16"/>
      <c r="G157" s="16"/>
      <c r="H157" s="16"/>
      <c r="I157" s="16"/>
      <c r="J157" s="6"/>
    </row>
    <row r="158" spans="1:35">
      <c r="B158" s="2"/>
      <c r="C158" s="19"/>
      <c r="D158" s="19"/>
      <c r="E158" s="15"/>
      <c r="F158" s="16"/>
      <c r="G158" s="16"/>
      <c r="H158" s="16"/>
      <c r="I158" s="16"/>
      <c r="J158" s="6"/>
    </row>
    <row r="159" spans="1:35">
      <c r="B159" s="2"/>
      <c r="C159" s="19"/>
      <c r="D159" s="19"/>
      <c r="E159" s="15"/>
      <c r="F159" s="16"/>
      <c r="G159" s="16"/>
      <c r="H159" s="16"/>
      <c r="I159" s="16"/>
      <c r="J159" s="6"/>
    </row>
    <row r="160" spans="1:35">
      <c r="B160" s="2"/>
      <c r="C160" s="19"/>
      <c r="D160" s="19"/>
      <c r="E160" s="15"/>
      <c r="F160" s="16"/>
      <c r="G160" s="16"/>
      <c r="H160" s="16"/>
      <c r="I160" s="16"/>
      <c r="J160" s="6"/>
    </row>
    <row r="161" spans="2:10">
      <c r="B161" s="2"/>
      <c r="C161" s="19"/>
      <c r="D161" s="19"/>
      <c r="E161" s="15"/>
      <c r="F161" s="16"/>
      <c r="G161" s="16"/>
      <c r="H161" s="16"/>
      <c r="I161" s="16"/>
      <c r="J161" s="6"/>
    </row>
    <row r="162" spans="2:10">
      <c r="B162" s="2"/>
      <c r="C162" s="19"/>
      <c r="D162" s="19"/>
      <c r="E162" s="15"/>
      <c r="F162" s="16"/>
      <c r="G162" s="16"/>
      <c r="H162" s="16"/>
      <c r="I162" s="16"/>
      <c r="J162" s="6"/>
    </row>
    <row r="163" spans="2:10">
      <c r="B163" s="2"/>
      <c r="C163" s="19"/>
      <c r="D163" s="19"/>
      <c r="E163" s="15"/>
      <c r="F163" s="16"/>
      <c r="G163" s="16"/>
      <c r="H163" s="16"/>
      <c r="I163" s="16"/>
      <c r="J163" s="6"/>
    </row>
    <row r="164" spans="2:10">
      <c r="B164" s="2"/>
      <c r="C164" s="19"/>
      <c r="D164" s="19"/>
      <c r="E164" s="15"/>
      <c r="F164" s="16"/>
      <c r="G164" s="16"/>
      <c r="H164" s="16"/>
      <c r="I164" s="16"/>
      <c r="J164" s="6"/>
    </row>
    <row r="165" spans="2:10">
      <c r="B165" s="2"/>
      <c r="C165" s="19"/>
      <c r="D165" s="19"/>
      <c r="E165" s="15"/>
      <c r="F165" s="16"/>
      <c r="G165" s="16"/>
      <c r="H165" s="16"/>
      <c r="I165" s="16"/>
      <c r="J165" s="6"/>
    </row>
    <row r="166" spans="2:10">
      <c r="B166" s="2"/>
      <c r="C166" s="19"/>
      <c r="D166" s="19"/>
      <c r="E166" s="15"/>
      <c r="F166" s="16"/>
      <c r="G166" s="16"/>
      <c r="H166" s="16"/>
      <c r="I166" s="16"/>
      <c r="J166" s="6"/>
    </row>
    <row r="167" spans="2:10">
      <c r="B167" s="2"/>
      <c r="C167" s="19"/>
      <c r="D167" s="19"/>
      <c r="E167" s="15"/>
      <c r="F167" s="16"/>
      <c r="G167" s="16"/>
      <c r="H167" s="16"/>
      <c r="I167" s="16"/>
      <c r="J167" s="6"/>
    </row>
    <row r="168" spans="2:10">
      <c r="B168" s="2"/>
      <c r="C168" s="19"/>
      <c r="D168" s="19"/>
      <c r="E168" s="15"/>
      <c r="F168" s="16"/>
      <c r="G168" s="16"/>
      <c r="H168" s="16"/>
      <c r="I168" s="16"/>
      <c r="J168" s="6"/>
    </row>
    <row r="169" spans="2:10">
      <c r="B169" s="2"/>
      <c r="C169" s="19"/>
      <c r="D169" s="19"/>
      <c r="E169" s="15"/>
      <c r="F169" s="16"/>
      <c r="G169" s="16"/>
      <c r="H169" s="16"/>
      <c r="I169" s="16"/>
      <c r="J169" s="6"/>
    </row>
    <row r="170" spans="2:10">
      <c r="B170" s="2"/>
      <c r="C170" s="19"/>
      <c r="D170" s="19"/>
      <c r="E170" s="15"/>
      <c r="F170" s="16"/>
      <c r="G170" s="16"/>
      <c r="H170" s="16"/>
      <c r="I170" s="16"/>
      <c r="J170" s="6"/>
    </row>
    <row r="171" spans="2:10">
      <c r="B171" s="2"/>
      <c r="C171" s="19"/>
      <c r="D171" s="19"/>
      <c r="E171" s="15"/>
      <c r="F171" s="16"/>
      <c r="G171" s="16"/>
      <c r="H171" s="16"/>
      <c r="I171" s="16"/>
      <c r="J171" s="6"/>
    </row>
    <row r="172" spans="2:10">
      <c r="B172" s="2"/>
      <c r="C172" s="19"/>
      <c r="D172" s="19"/>
      <c r="E172" s="15"/>
      <c r="F172" s="16"/>
      <c r="G172" s="16"/>
      <c r="H172" s="16"/>
      <c r="I172" s="16"/>
      <c r="J172" s="6"/>
    </row>
    <row r="173" spans="2:10">
      <c r="B173" s="2"/>
      <c r="C173" s="19"/>
      <c r="D173" s="19"/>
      <c r="E173" s="15"/>
      <c r="F173" s="16"/>
      <c r="G173" s="16"/>
      <c r="H173" s="16"/>
      <c r="I173" s="16"/>
      <c r="J173" s="6"/>
    </row>
    <row r="174" spans="2:10">
      <c r="B174" s="2"/>
      <c r="C174" s="19"/>
      <c r="D174" s="19"/>
      <c r="E174" s="15"/>
      <c r="F174" s="16"/>
      <c r="G174" s="16"/>
      <c r="H174" s="16"/>
      <c r="I174" s="16"/>
      <c r="J174" s="6"/>
    </row>
    <row r="175" spans="2:10">
      <c r="B175" s="2"/>
      <c r="C175" s="19"/>
      <c r="D175" s="19"/>
      <c r="E175" s="15"/>
      <c r="F175" s="16"/>
      <c r="G175" s="16"/>
      <c r="H175" s="16"/>
      <c r="I175" s="16"/>
      <c r="J175" s="6"/>
    </row>
    <row r="176" spans="2:10">
      <c r="B176" s="2"/>
      <c r="C176" s="19"/>
      <c r="D176" s="19"/>
      <c r="E176" s="15"/>
      <c r="F176" s="16"/>
      <c r="G176" s="16"/>
      <c r="H176" s="16"/>
      <c r="I176" s="16"/>
      <c r="J176" s="6"/>
    </row>
    <row r="177" spans="2:10">
      <c r="B177" s="2"/>
      <c r="C177" s="19"/>
      <c r="D177" s="19"/>
      <c r="E177" s="15"/>
      <c r="F177" s="16"/>
      <c r="G177" s="16"/>
      <c r="H177" s="16"/>
      <c r="I177" s="16"/>
      <c r="J177" s="6"/>
    </row>
    <row r="178" spans="2:10">
      <c r="B178" s="2"/>
      <c r="C178" s="19"/>
      <c r="D178" s="19"/>
      <c r="E178" s="15"/>
      <c r="F178" s="16"/>
      <c r="G178" s="16"/>
      <c r="H178" s="16"/>
      <c r="I178" s="16"/>
      <c r="J178" s="6"/>
    </row>
    <row r="179" spans="2:10">
      <c r="B179" s="2"/>
      <c r="C179" s="19"/>
      <c r="D179" s="19"/>
      <c r="E179" s="15"/>
      <c r="F179" s="16"/>
      <c r="G179" s="16"/>
      <c r="H179" s="16"/>
      <c r="I179" s="16"/>
      <c r="J179" s="6"/>
    </row>
    <row r="180" spans="2:10">
      <c r="B180" s="2"/>
      <c r="C180" s="19"/>
      <c r="D180" s="19"/>
      <c r="E180" s="15"/>
      <c r="F180" s="16"/>
      <c r="G180" s="16"/>
      <c r="H180" s="16"/>
      <c r="I180" s="16"/>
      <c r="J180" s="6"/>
    </row>
    <row r="181" spans="2:10">
      <c r="B181" s="2"/>
      <c r="C181" s="19"/>
      <c r="D181" s="19"/>
      <c r="E181" s="15"/>
      <c r="F181" s="16"/>
      <c r="G181" s="16"/>
      <c r="H181" s="16"/>
      <c r="I181" s="16"/>
      <c r="J181" s="6"/>
    </row>
    <row r="182" spans="2:10">
      <c r="B182" s="2"/>
      <c r="C182" s="19"/>
      <c r="D182" s="19"/>
      <c r="E182" s="15"/>
      <c r="F182" s="16"/>
      <c r="G182" s="16"/>
      <c r="H182" s="16"/>
      <c r="I182" s="16"/>
      <c r="J182" s="6"/>
    </row>
    <row r="183" spans="2:10">
      <c r="B183" s="2"/>
      <c r="C183" s="19"/>
      <c r="D183" s="19"/>
      <c r="E183" s="15"/>
      <c r="F183" s="16"/>
      <c r="G183" s="16"/>
      <c r="H183" s="16"/>
      <c r="I183" s="16"/>
      <c r="J183" s="6"/>
    </row>
    <row r="184" spans="2:10">
      <c r="B184" s="2"/>
      <c r="C184" s="19"/>
      <c r="D184" s="19"/>
      <c r="E184" s="15"/>
      <c r="F184" s="16"/>
      <c r="G184" s="16"/>
      <c r="H184" s="16"/>
      <c r="I184" s="16"/>
      <c r="J184" s="6"/>
    </row>
    <row r="185" spans="2:10">
      <c r="B185" s="2"/>
      <c r="C185" s="19"/>
      <c r="D185" s="19"/>
      <c r="E185" s="15"/>
      <c r="F185" s="16"/>
      <c r="G185" s="16"/>
      <c r="H185" s="16"/>
      <c r="I185" s="16"/>
      <c r="J185" s="6"/>
    </row>
    <row r="186" spans="2:10">
      <c r="B186" s="2"/>
      <c r="C186" s="19"/>
      <c r="D186" s="19"/>
      <c r="E186" s="15"/>
      <c r="F186" s="16"/>
      <c r="G186" s="16"/>
      <c r="H186" s="16"/>
      <c r="I186" s="16"/>
      <c r="J186" s="6"/>
    </row>
    <row r="187" spans="2:10">
      <c r="B187" s="2"/>
      <c r="C187" s="19"/>
      <c r="D187" s="19"/>
      <c r="E187" s="15"/>
      <c r="F187" s="16"/>
      <c r="G187" s="16"/>
      <c r="H187" s="16"/>
      <c r="I187" s="16"/>
      <c r="J187" s="6"/>
    </row>
    <row r="188" spans="2:10">
      <c r="B188" s="2"/>
      <c r="C188" s="19"/>
      <c r="D188" s="19"/>
      <c r="E188" s="15"/>
      <c r="F188" s="16"/>
      <c r="G188" s="16"/>
      <c r="H188" s="16"/>
      <c r="I188" s="16"/>
      <c r="J188" s="6"/>
    </row>
    <row r="189" spans="2:10">
      <c r="B189" s="2"/>
      <c r="C189" s="19"/>
      <c r="D189" s="19"/>
      <c r="E189" s="15"/>
      <c r="F189" s="16"/>
      <c r="G189" s="16"/>
      <c r="H189" s="16"/>
      <c r="I189" s="16"/>
      <c r="J189" s="6"/>
    </row>
    <row r="190" spans="2:10">
      <c r="B190" s="2"/>
      <c r="C190" s="19"/>
      <c r="D190" s="19"/>
      <c r="E190" s="15"/>
      <c r="F190" s="16"/>
      <c r="G190" s="16"/>
      <c r="H190" s="16"/>
      <c r="I190" s="16"/>
      <c r="J190" s="6"/>
    </row>
    <row r="191" spans="2:10">
      <c r="B191" s="2"/>
      <c r="C191" s="19"/>
      <c r="D191" s="19"/>
      <c r="E191" s="15"/>
      <c r="F191" s="16"/>
      <c r="G191" s="16"/>
      <c r="H191" s="16"/>
      <c r="I191" s="16"/>
      <c r="J191" s="6"/>
    </row>
    <row r="192" spans="2:10">
      <c r="B192" s="2"/>
      <c r="C192" s="19"/>
      <c r="D192" s="19"/>
      <c r="E192" s="15"/>
      <c r="F192" s="16"/>
      <c r="G192" s="16"/>
      <c r="H192" s="16"/>
      <c r="I192" s="16"/>
      <c r="J192" s="6"/>
    </row>
    <row r="193" spans="2:10">
      <c r="B193" s="2"/>
      <c r="C193" s="19"/>
      <c r="D193" s="19"/>
      <c r="E193" s="15"/>
      <c r="F193" s="16"/>
      <c r="G193" s="16"/>
      <c r="H193" s="16"/>
      <c r="I193" s="16"/>
      <c r="J193" s="6"/>
    </row>
    <row r="194" spans="2:10">
      <c r="B194" s="2"/>
      <c r="C194" s="19"/>
      <c r="D194" s="19"/>
      <c r="E194" s="15"/>
      <c r="F194" s="16"/>
      <c r="G194" s="16"/>
      <c r="H194" s="16"/>
      <c r="I194" s="16"/>
      <c r="J194" s="6"/>
    </row>
    <row r="195" spans="2:10">
      <c r="B195" s="2"/>
      <c r="C195" s="19"/>
      <c r="D195" s="19"/>
      <c r="E195" s="15"/>
      <c r="F195" s="16"/>
      <c r="G195" s="16"/>
      <c r="H195" s="16"/>
      <c r="I195" s="16"/>
      <c r="J195" s="6"/>
    </row>
    <row r="196" spans="2:10">
      <c r="B196" s="2"/>
      <c r="C196" s="19"/>
      <c r="D196" s="19"/>
      <c r="E196" s="15"/>
      <c r="F196" s="16"/>
      <c r="G196" s="16"/>
      <c r="H196" s="16"/>
      <c r="I196" s="16"/>
      <c r="J196" s="6"/>
    </row>
    <row r="197" spans="2:10">
      <c r="B197" s="2"/>
      <c r="C197" s="19"/>
      <c r="D197" s="19"/>
      <c r="E197" s="15"/>
      <c r="F197" s="16"/>
      <c r="G197" s="16"/>
      <c r="H197" s="16"/>
      <c r="I197" s="16"/>
      <c r="J197" s="6"/>
    </row>
    <row r="198" spans="2:10">
      <c r="B198" s="2"/>
      <c r="C198" s="19"/>
      <c r="D198" s="19"/>
      <c r="E198" s="15"/>
      <c r="F198" s="16"/>
      <c r="G198" s="16"/>
      <c r="H198" s="16"/>
      <c r="I198" s="16"/>
      <c r="J198" s="6"/>
    </row>
    <row r="199" spans="2:10">
      <c r="B199" s="2"/>
      <c r="C199" s="19"/>
      <c r="D199" s="19"/>
      <c r="E199" s="15"/>
      <c r="F199" s="16"/>
      <c r="G199" s="16"/>
      <c r="H199" s="16"/>
      <c r="I199" s="16"/>
      <c r="J199" s="6"/>
    </row>
    <row r="200" spans="2:10">
      <c r="B200" s="2"/>
      <c r="C200" s="19"/>
      <c r="D200" s="19"/>
      <c r="E200" s="15"/>
      <c r="F200" s="16"/>
      <c r="G200" s="16"/>
      <c r="H200" s="16"/>
      <c r="I200" s="16"/>
      <c r="J200" s="6"/>
    </row>
    <row r="201" spans="2:10">
      <c r="B201" s="2"/>
      <c r="C201" s="19"/>
      <c r="D201" s="19"/>
      <c r="E201" s="15"/>
      <c r="F201" s="16"/>
      <c r="G201" s="16"/>
      <c r="H201" s="16"/>
      <c r="I201" s="16"/>
      <c r="J201" s="6"/>
    </row>
    <row r="202" spans="2:10">
      <c r="B202" s="2"/>
      <c r="C202" s="19"/>
      <c r="D202" s="19"/>
      <c r="E202" s="15"/>
      <c r="F202" s="16"/>
      <c r="G202" s="16"/>
      <c r="H202" s="16"/>
      <c r="I202" s="16"/>
      <c r="J202" s="6"/>
    </row>
    <row r="203" spans="2:10">
      <c r="B203" s="2"/>
      <c r="C203" s="19"/>
      <c r="D203" s="19"/>
      <c r="E203" s="15"/>
      <c r="F203" s="16"/>
      <c r="G203" s="16"/>
      <c r="H203" s="16"/>
      <c r="I203" s="16"/>
      <c r="J203" s="6"/>
    </row>
    <row r="204" spans="2:10">
      <c r="B204" s="2"/>
      <c r="C204" s="19"/>
      <c r="D204" s="19"/>
      <c r="E204" s="15"/>
      <c r="F204" s="16"/>
      <c r="G204" s="16"/>
      <c r="H204" s="16"/>
      <c r="I204" s="16"/>
      <c r="J204" s="6"/>
    </row>
    <row r="205" spans="2:10">
      <c r="B205" s="2"/>
      <c r="C205" s="19"/>
      <c r="D205" s="19"/>
      <c r="E205" s="15"/>
      <c r="F205" s="16"/>
      <c r="G205" s="16"/>
      <c r="H205" s="16"/>
      <c r="I205" s="16"/>
      <c r="J205" s="6"/>
    </row>
    <row r="206" spans="2:10">
      <c r="B206" s="2"/>
      <c r="C206" s="19"/>
      <c r="D206" s="19"/>
      <c r="E206" s="15"/>
      <c r="F206" s="16"/>
      <c r="G206" s="16"/>
      <c r="H206" s="16"/>
      <c r="I206" s="16"/>
      <c r="J206" s="6"/>
    </row>
    <row r="207" spans="2:10">
      <c r="B207" s="2"/>
      <c r="C207" s="19"/>
      <c r="D207" s="19"/>
      <c r="E207" s="15"/>
      <c r="F207" s="16"/>
      <c r="G207" s="16"/>
      <c r="H207" s="16"/>
      <c r="I207" s="16"/>
      <c r="J207" s="6"/>
    </row>
    <row r="208" spans="2:10">
      <c r="B208" s="2"/>
      <c r="C208" s="19"/>
      <c r="D208" s="19"/>
      <c r="E208" s="15"/>
      <c r="F208" s="16"/>
      <c r="G208" s="16"/>
      <c r="H208" s="16"/>
      <c r="I208" s="16"/>
      <c r="J208" s="6"/>
    </row>
    <row r="209" spans="2:10">
      <c r="B209" s="2"/>
      <c r="C209" s="19"/>
      <c r="D209" s="19"/>
      <c r="E209" s="15"/>
      <c r="F209" s="16"/>
      <c r="G209" s="16"/>
      <c r="H209" s="16"/>
      <c r="I209" s="16"/>
      <c r="J209" s="6"/>
    </row>
    <row r="210" spans="2:10">
      <c r="B210" s="2"/>
      <c r="C210" s="19"/>
      <c r="D210" s="19"/>
      <c r="E210" s="15"/>
      <c r="F210" s="16"/>
      <c r="G210" s="16"/>
      <c r="H210" s="16"/>
      <c r="I210" s="16"/>
      <c r="J210" s="6"/>
    </row>
    <row r="211" spans="2:10">
      <c r="B211" s="2"/>
      <c r="C211" s="19"/>
      <c r="D211" s="19"/>
      <c r="E211" s="15"/>
      <c r="F211" s="16"/>
      <c r="G211" s="16"/>
      <c r="H211" s="16"/>
      <c r="I211" s="16"/>
      <c r="J211" s="6"/>
    </row>
    <row r="212" spans="2:10">
      <c r="B212" s="2"/>
      <c r="C212" s="19"/>
      <c r="D212" s="19"/>
      <c r="E212" s="15"/>
      <c r="F212" s="16"/>
      <c r="G212" s="16"/>
      <c r="H212" s="16"/>
      <c r="I212" s="16"/>
      <c r="J212" s="6"/>
    </row>
    <row r="213" spans="2:10">
      <c r="B213" s="2"/>
      <c r="C213" s="19"/>
      <c r="D213" s="19"/>
      <c r="E213" s="15"/>
      <c r="F213" s="16"/>
      <c r="G213" s="16"/>
      <c r="H213" s="16"/>
      <c r="I213" s="16"/>
      <c r="J213" s="6"/>
    </row>
    <row r="214" spans="2:10">
      <c r="B214" s="2"/>
      <c r="C214" s="19"/>
      <c r="D214" s="19"/>
      <c r="E214" s="15"/>
      <c r="F214" s="16"/>
      <c r="G214" s="16"/>
      <c r="H214" s="16"/>
      <c r="I214" s="16"/>
      <c r="J214" s="6"/>
    </row>
    <row r="215" spans="2:10">
      <c r="B215" s="2"/>
      <c r="C215" s="19"/>
      <c r="D215" s="19"/>
      <c r="E215" s="15"/>
      <c r="F215" s="16"/>
      <c r="G215" s="16"/>
      <c r="H215" s="16"/>
      <c r="I215" s="16"/>
      <c r="J215" s="6"/>
    </row>
    <row r="216" spans="2:10">
      <c r="B216" s="2"/>
      <c r="C216" s="19"/>
      <c r="D216" s="19"/>
      <c r="E216" s="15"/>
      <c r="F216" s="16"/>
      <c r="G216" s="16"/>
      <c r="H216" s="16"/>
      <c r="I216" s="16"/>
      <c r="J216" s="6"/>
    </row>
    <row r="217" spans="2:10">
      <c r="B217" s="2"/>
      <c r="C217" s="19"/>
      <c r="D217" s="19"/>
      <c r="E217" s="15"/>
      <c r="F217" s="16"/>
      <c r="G217" s="16"/>
      <c r="H217" s="16"/>
      <c r="I217" s="16"/>
      <c r="J217" s="6"/>
    </row>
    <row r="218" spans="2:10">
      <c r="B218" s="2"/>
      <c r="C218" s="19"/>
      <c r="D218" s="19"/>
      <c r="E218" s="15"/>
      <c r="F218" s="16"/>
      <c r="G218" s="16"/>
      <c r="H218" s="16"/>
      <c r="I218" s="16"/>
      <c r="J218" s="6"/>
    </row>
    <row r="219" spans="2:10">
      <c r="B219" s="2"/>
      <c r="C219" s="19"/>
      <c r="D219" s="19"/>
      <c r="E219" s="15"/>
      <c r="F219" s="16"/>
      <c r="G219" s="16"/>
      <c r="H219" s="16"/>
      <c r="I219" s="16"/>
      <c r="J219" s="6"/>
    </row>
    <row r="220" spans="2:10">
      <c r="B220" s="2"/>
      <c r="C220" s="19"/>
      <c r="D220" s="19"/>
      <c r="E220" s="15"/>
      <c r="F220" s="16"/>
      <c r="G220" s="16"/>
      <c r="H220" s="16"/>
      <c r="I220" s="16"/>
      <c r="J220" s="6"/>
    </row>
    <row r="221" spans="2:10">
      <c r="B221" s="2"/>
      <c r="C221" s="19"/>
      <c r="D221" s="19"/>
      <c r="E221" s="15"/>
      <c r="F221" s="16"/>
      <c r="G221" s="16"/>
      <c r="H221" s="16"/>
      <c r="I221" s="16"/>
      <c r="J221" s="6"/>
    </row>
    <row r="222" spans="2:10">
      <c r="B222" s="2"/>
      <c r="C222" s="19"/>
      <c r="D222" s="19"/>
      <c r="E222" s="15"/>
      <c r="F222" s="16"/>
      <c r="G222" s="16"/>
      <c r="H222" s="16"/>
      <c r="I222" s="16"/>
      <c r="J222" s="6"/>
    </row>
    <row r="223" spans="2:10">
      <c r="B223" s="2"/>
      <c r="C223" s="19"/>
      <c r="D223" s="19"/>
      <c r="E223" s="15"/>
      <c r="F223" s="16"/>
      <c r="G223" s="16"/>
      <c r="H223" s="16"/>
      <c r="I223" s="16"/>
      <c r="J223" s="6"/>
    </row>
    <row r="224" spans="2:10">
      <c r="B224" s="2"/>
      <c r="C224" s="19"/>
      <c r="D224" s="19"/>
      <c r="E224" s="15"/>
      <c r="F224" s="16"/>
      <c r="G224" s="16"/>
      <c r="H224" s="16"/>
      <c r="I224" s="16"/>
      <c r="J224" s="6"/>
    </row>
    <row r="225" spans="2:10">
      <c r="B225" s="2"/>
      <c r="C225" s="19"/>
      <c r="D225" s="19"/>
      <c r="E225" s="15"/>
      <c r="F225" s="16"/>
      <c r="G225" s="16"/>
      <c r="H225" s="16"/>
      <c r="I225" s="16"/>
      <c r="J225" s="6"/>
    </row>
    <row r="226" spans="2:10">
      <c r="B226" s="2"/>
      <c r="C226" s="19"/>
      <c r="D226" s="19"/>
      <c r="E226" s="15"/>
      <c r="F226" s="16"/>
      <c r="G226" s="16"/>
      <c r="H226" s="16"/>
      <c r="I226" s="16"/>
      <c r="J226" s="6"/>
    </row>
    <row r="227" spans="2:10">
      <c r="B227" s="2"/>
      <c r="C227" s="19"/>
      <c r="D227" s="19"/>
      <c r="E227" s="15"/>
      <c r="F227" s="16"/>
      <c r="G227" s="16"/>
      <c r="H227" s="16"/>
      <c r="I227" s="16"/>
      <c r="J227" s="6"/>
    </row>
    <row r="228" spans="2:10">
      <c r="B228" s="2"/>
      <c r="C228" s="19"/>
      <c r="D228" s="19"/>
      <c r="E228" s="15"/>
      <c r="F228" s="16"/>
      <c r="G228" s="16"/>
      <c r="H228" s="16"/>
      <c r="I228" s="16"/>
      <c r="J228" s="6"/>
    </row>
    <row r="229" spans="2:10">
      <c r="B229" s="2"/>
      <c r="C229" s="19"/>
      <c r="D229" s="19"/>
      <c r="E229" s="15"/>
      <c r="F229" s="16"/>
      <c r="G229" s="16"/>
      <c r="H229" s="16"/>
      <c r="I229" s="16"/>
      <c r="J229" s="6"/>
    </row>
    <row r="230" spans="2:10">
      <c r="B230" s="2"/>
      <c r="C230" s="19"/>
      <c r="D230" s="19"/>
      <c r="E230" s="15"/>
      <c r="F230" s="16"/>
      <c r="G230" s="16"/>
      <c r="H230" s="16"/>
      <c r="I230" s="16"/>
      <c r="J230" s="6"/>
    </row>
    <row r="231" spans="2:10">
      <c r="B231" s="2"/>
      <c r="C231" s="19"/>
      <c r="D231" s="19"/>
      <c r="E231" s="15"/>
      <c r="F231" s="16"/>
      <c r="G231" s="16"/>
      <c r="H231" s="16"/>
      <c r="I231" s="16"/>
      <c r="J231" s="6"/>
    </row>
    <row r="232" spans="2:10">
      <c r="B232" s="2"/>
      <c r="C232" s="19"/>
      <c r="D232" s="19"/>
      <c r="E232" s="15"/>
      <c r="F232" s="16"/>
      <c r="G232" s="16"/>
      <c r="H232" s="16"/>
      <c r="I232" s="16"/>
      <c r="J232" s="6"/>
    </row>
    <row r="233" spans="2:10">
      <c r="B233" s="2"/>
      <c r="C233" s="19"/>
      <c r="D233" s="19"/>
      <c r="E233" s="15"/>
      <c r="F233" s="16"/>
      <c r="G233" s="16"/>
      <c r="H233" s="16"/>
      <c r="I233" s="16"/>
      <c r="J233" s="6"/>
    </row>
    <row r="234" spans="2:10">
      <c r="B234" s="2"/>
      <c r="C234" s="19"/>
      <c r="D234" s="19"/>
      <c r="E234" s="15"/>
      <c r="F234" s="16"/>
      <c r="G234" s="16"/>
      <c r="H234" s="16"/>
      <c r="I234" s="16"/>
      <c r="J234" s="6"/>
    </row>
    <row r="235" spans="2:10">
      <c r="B235" s="2"/>
      <c r="C235" s="19"/>
      <c r="D235" s="19"/>
      <c r="E235" s="15"/>
      <c r="F235" s="16"/>
      <c r="G235" s="16"/>
      <c r="H235" s="16"/>
      <c r="I235" s="16"/>
      <c r="J235" s="6"/>
    </row>
    <row r="236" spans="2:10">
      <c r="B236" s="2"/>
      <c r="C236" s="19"/>
      <c r="D236" s="19"/>
      <c r="E236" s="15"/>
      <c r="F236" s="16"/>
      <c r="G236" s="16"/>
      <c r="H236" s="16"/>
      <c r="I236" s="16"/>
      <c r="J236" s="6"/>
    </row>
    <row r="237" spans="2:10">
      <c r="B237" s="2"/>
      <c r="C237" s="19"/>
      <c r="D237" s="19"/>
      <c r="E237" s="15"/>
      <c r="F237" s="16"/>
      <c r="G237" s="16"/>
      <c r="H237" s="16"/>
      <c r="I237" s="16"/>
      <c r="J237" s="6"/>
    </row>
    <row r="238" spans="2:10">
      <c r="B238" s="2"/>
      <c r="C238" s="19"/>
      <c r="D238" s="19"/>
      <c r="E238" s="15"/>
      <c r="F238" s="16"/>
      <c r="G238" s="16"/>
      <c r="H238" s="16"/>
      <c r="I238" s="16"/>
      <c r="J238" s="6"/>
    </row>
    <row r="239" spans="2:10">
      <c r="B239" s="2"/>
      <c r="C239" s="19"/>
      <c r="D239" s="19"/>
      <c r="E239" s="15"/>
      <c r="F239" s="16"/>
      <c r="G239" s="16"/>
      <c r="H239" s="16"/>
      <c r="I239" s="16"/>
      <c r="J239" s="6"/>
    </row>
    <row r="240" spans="2:10">
      <c r="B240" s="2"/>
      <c r="C240" s="19"/>
      <c r="D240" s="19"/>
      <c r="E240" s="15"/>
      <c r="F240" s="16"/>
      <c r="G240" s="16"/>
      <c r="H240" s="16"/>
      <c r="I240" s="16"/>
      <c r="J240" s="6"/>
    </row>
    <row r="241" spans="2:10">
      <c r="B241" s="2"/>
      <c r="C241" s="19"/>
      <c r="D241" s="19"/>
      <c r="E241" s="15"/>
      <c r="F241" s="16"/>
      <c r="G241" s="16"/>
      <c r="H241" s="16"/>
      <c r="I241" s="16"/>
      <c r="J241" s="6"/>
    </row>
    <row r="242" spans="2:10">
      <c r="B242" s="2"/>
      <c r="C242" s="19"/>
      <c r="D242" s="19"/>
      <c r="E242" s="15"/>
      <c r="F242" s="16"/>
      <c r="G242" s="16"/>
      <c r="H242" s="16"/>
      <c r="I242" s="16"/>
      <c r="J242" s="6"/>
    </row>
    <row r="243" spans="2:10">
      <c r="B243" s="2"/>
      <c r="C243" s="19"/>
      <c r="D243" s="19"/>
      <c r="E243" s="15"/>
      <c r="F243" s="16"/>
      <c r="G243" s="16"/>
      <c r="H243" s="16"/>
      <c r="I243" s="16"/>
      <c r="J243" s="6"/>
    </row>
    <row r="244" spans="2:10">
      <c r="B244" s="2"/>
      <c r="C244" s="19"/>
      <c r="D244" s="19"/>
      <c r="E244" s="15"/>
      <c r="F244" s="16"/>
      <c r="G244" s="16"/>
      <c r="H244" s="16"/>
      <c r="I244" s="16"/>
      <c r="J244" s="6"/>
    </row>
    <row r="245" spans="2:10">
      <c r="B245" s="2"/>
      <c r="C245" s="19"/>
      <c r="D245" s="19"/>
      <c r="E245" s="15"/>
      <c r="F245" s="16"/>
      <c r="G245" s="16"/>
      <c r="H245" s="16"/>
      <c r="I245" s="16"/>
      <c r="J245" s="6"/>
    </row>
    <row r="246" spans="2:10">
      <c r="B246" s="2"/>
      <c r="C246" s="19"/>
      <c r="D246" s="19"/>
      <c r="E246" s="15"/>
      <c r="F246" s="16"/>
      <c r="G246" s="16"/>
      <c r="H246" s="16"/>
      <c r="I246" s="16"/>
      <c r="J246" s="6"/>
    </row>
    <row r="247" spans="2:10">
      <c r="B247" s="2"/>
      <c r="C247" s="19"/>
      <c r="D247" s="19"/>
      <c r="E247" s="15"/>
      <c r="F247" s="16"/>
      <c r="G247" s="16"/>
      <c r="H247" s="16"/>
      <c r="I247" s="16"/>
      <c r="J247" s="6"/>
    </row>
    <row r="248" spans="2:10">
      <c r="B248" s="2"/>
      <c r="C248" s="19"/>
      <c r="D248" s="19"/>
      <c r="E248" s="15"/>
      <c r="F248" s="16"/>
      <c r="G248" s="16"/>
      <c r="H248" s="16"/>
      <c r="I248" s="16"/>
      <c r="J248" s="6"/>
    </row>
    <row r="249" spans="2:10">
      <c r="B249" s="2"/>
      <c r="C249" s="19"/>
      <c r="D249" s="19"/>
      <c r="E249" s="15"/>
      <c r="F249" s="16"/>
      <c r="G249" s="16"/>
      <c r="H249" s="16"/>
      <c r="I249" s="16"/>
      <c r="J249" s="6"/>
    </row>
    <row r="250" spans="2:10">
      <c r="B250" s="2"/>
      <c r="C250" s="19"/>
      <c r="D250" s="19"/>
      <c r="E250" s="15"/>
      <c r="F250" s="16"/>
      <c r="G250" s="16"/>
      <c r="H250" s="16"/>
      <c r="I250" s="16"/>
      <c r="J250" s="6"/>
    </row>
    <row r="251" spans="2:10">
      <c r="B251" s="2"/>
      <c r="C251" s="19"/>
      <c r="D251" s="19"/>
      <c r="E251" s="15"/>
      <c r="F251" s="16"/>
      <c r="G251" s="16"/>
      <c r="H251" s="16"/>
      <c r="I251" s="16"/>
      <c r="J251" s="6"/>
    </row>
    <row r="252" spans="2:10">
      <c r="B252" s="2"/>
      <c r="C252" s="19"/>
      <c r="D252" s="19"/>
      <c r="E252" s="15"/>
      <c r="F252" s="16"/>
      <c r="G252" s="16"/>
      <c r="H252" s="16"/>
      <c r="I252" s="16"/>
      <c r="J252" s="6"/>
    </row>
    <row r="253" spans="2:10">
      <c r="B253" s="2"/>
      <c r="C253" s="19"/>
      <c r="D253" s="19"/>
      <c r="E253" s="15"/>
      <c r="F253" s="16"/>
      <c r="G253" s="16"/>
      <c r="H253" s="16"/>
      <c r="I253" s="16"/>
      <c r="J253" s="6"/>
    </row>
    <row r="254" spans="2:10">
      <c r="B254" s="2"/>
      <c r="C254" s="19"/>
      <c r="D254" s="19"/>
      <c r="E254" s="15"/>
      <c r="F254" s="16"/>
      <c r="G254" s="16"/>
      <c r="H254" s="16"/>
      <c r="I254" s="16"/>
      <c r="J254" s="6"/>
    </row>
    <row r="255" spans="2:10">
      <c r="B255" s="2"/>
      <c r="C255" s="19"/>
      <c r="D255" s="19"/>
      <c r="E255" s="15"/>
      <c r="F255" s="16"/>
      <c r="G255" s="16"/>
      <c r="H255" s="16"/>
      <c r="I255" s="16"/>
      <c r="J255" s="6"/>
    </row>
    <row r="256" spans="2:10">
      <c r="B256" s="2"/>
      <c r="C256" s="19"/>
      <c r="D256" s="19"/>
      <c r="E256" s="15"/>
      <c r="F256" s="16"/>
      <c r="G256" s="16"/>
      <c r="H256" s="16"/>
      <c r="I256" s="16"/>
      <c r="J256" s="6"/>
    </row>
    <row r="257" spans="2:10">
      <c r="B257" s="2"/>
      <c r="C257" s="19"/>
      <c r="D257" s="19"/>
      <c r="E257" s="15"/>
      <c r="F257" s="16"/>
      <c r="G257" s="16"/>
      <c r="H257" s="16"/>
      <c r="I257" s="16"/>
      <c r="J257" s="6"/>
    </row>
    <row r="258" spans="2:10">
      <c r="B258" s="2"/>
      <c r="C258" s="19"/>
      <c r="D258" s="19"/>
      <c r="E258" s="15"/>
      <c r="F258" s="16"/>
      <c r="G258" s="16"/>
      <c r="H258" s="16"/>
      <c r="I258" s="16"/>
      <c r="J258" s="6"/>
    </row>
    <row r="259" spans="2:10">
      <c r="B259" s="2"/>
      <c r="C259" s="19"/>
      <c r="D259" s="19"/>
      <c r="E259" s="15"/>
      <c r="F259" s="16"/>
      <c r="G259" s="16"/>
      <c r="H259" s="16"/>
      <c r="I259" s="16"/>
      <c r="J259" s="6"/>
    </row>
    <row r="260" spans="2:10">
      <c r="B260" s="2"/>
      <c r="C260" s="19"/>
      <c r="D260" s="19"/>
      <c r="E260" s="15"/>
      <c r="F260" s="16"/>
      <c r="G260" s="16"/>
      <c r="H260" s="16"/>
      <c r="I260" s="16"/>
      <c r="J260" s="6"/>
    </row>
    <row r="261" spans="2:10">
      <c r="B261" s="2"/>
      <c r="C261" s="19"/>
      <c r="D261" s="19"/>
      <c r="E261" s="15"/>
      <c r="F261" s="16"/>
      <c r="G261" s="16"/>
      <c r="H261" s="16"/>
      <c r="I261" s="16"/>
      <c r="J261" s="6"/>
    </row>
    <row r="262" spans="2:10">
      <c r="B262" s="2"/>
      <c r="C262" s="19"/>
      <c r="D262" s="19"/>
      <c r="E262" s="15"/>
      <c r="F262" s="16"/>
      <c r="G262" s="16"/>
      <c r="H262" s="16"/>
      <c r="I262" s="16"/>
      <c r="J262" s="6"/>
    </row>
    <row r="263" spans="2:10">
      <c r="B263" s="2"/>
      <c r="C263" s="19"/>
      <c r="D263" s="19"/>
      <c r="E263" s="15"/>
      <c r="F263" s="16"/>
      <c r="G263" s="16"/>
      <c r="H263" s="16"/>
      <c r="I263" s="16"/>
      <c r="J263" s="6"/>
    </row>
    <row r="264" spans="2:10">
      <c r="B264" s="2"/>
      <c r="C264" s="19"/>
      <c r="D264" s="19"/>
      <c r="E264" s="15"/>
      <c r="F264" s="16"/>
      <c r="G264" s="16"/>
      <c r="H264" s="16"/>
      <c r="I264" s="16"/>
      <c r="J264" s="6"/>
    </row>
    <row r="265" spans="2:10">
      <c r="B265" s="2"/>
      <c r="C265" s="19"/>
      <c r="D265" s="19"/>
      <c r="E265" s="15"/>
      <c r="F265" s="16"/>
      <c r="G265" s="16"/>
      <c r="H265" s="16"/>
      <c r="I265" s="16"/>
      <c r="J265" s="6"/>
    </row>
    <row r="266" spans="2:10">
      <c r="B266" s="2"/>
      <c r="C266" s="19"/>
      <c r="D266" s="19"/>
      <c r="E266" s="15"/>
      <c r="F266" s="16"/>
      <c r="G266" s="16"/>
      <c r="H266" s="16"/>
      <c r="I266" s="16"/>
      <c r="J266" s="6"/>
    </row>
    <row r="267" spans="2:10">
      <c r="B267" s="2"/>
      <c r="C267" s="19"/>
      <c r="D267" s="19"/>
      <c r="E267" s="15"/>
      <c r="F267" s="16"/>
      <c r="G267" s="16"/>
      <c r="H267" s="16"/>
      <c r="I267" s="16"/>
      <c r="J267" s="6"/>
    </row>
    <row r="268" spans="2:10">
      <c r="B268" s="2"/>
      <c r="C268" s="19"/>
      <c r="D268" s="19"/>
      <c r="E268" s="15"/>
      <c r="F268" s="16"/>
      <c r="G268" s="16"/>
      <c r="H268" s="16"/>
      <c r="I268" s="16"/>
      <c r="J268" s="6"/>
    </row>
    <row r="269" spans="2:10">
      <c r="B269" s="2"/>
      <c r="C269" s="19"/>
      <c r="D269" s="19"/>
      <c r="E269" s="15"/>
      <c r="F269" s="16"/>
      <c r="G269" s="16"/>
      <c r="H269" s="16"/>
      <c r="I269" s="16"/>
      <c r="J269" s="6"/>
    </row>
    <row r="270" spans="2:10">
      <c r="B270" s="2"/>
      <c r="C270" s="19"/>
      <c r="D270" s="19"/>
      <c r="E270" s="15"/>
      <c r="F270" s="16"/>
      <c r="G270" s="16"/>
      <c r="H270" s="16"/>
      <c r="I270" s="16"/>
      <c r="J270" s="6"/>
    </row>
    <row r="271" spans="2:10">
      <c r="B271" s="2"/>
      <c r="C271" s="19"/>
      <c r="D271" s="19"/>
      <c r="E271" s="15"/>
      <c r="F271" s="16"/>
      <c r="G271" s="16"/>
      <c r="H271" s="16"/>
      <c r="I271" s="16"/>
      <c r="J271" s="6"/>
    </row>
    <row r="272" spans="2:10">
      <c r="B272" s="2"/>
      <c r="C272" s="19"/>
      <c r="D272" s="19"/>
      <c r="E272" s="15"/>
      <c r="F272" s="16"/>
      <c r="G272" s="16"/>
      <c r="H272" s="16"/>
      <c r="I272" s="16"/>
      <c r="J272" s="6"/>
    </row>
    <row r="273" spans="2:10">
      <c r="B273" s="2"/>
      <c r="C273" s="19"/>
      <c r="D273" s="19"/>
      <c r="E273" s="15"/>
      <c r="F273" s="16"/>
      <c r="G273" s="16"/>
      <c r="H273" s="16"/>
      <c r="I273" s="16"/>
      <c r="J273" s="6"/>
    </row>
    <row r="274" spans="2:10">
      <c r="B274" s="2"/>
      <c r="C274" s="19"/>
      <c r="D274" s="19"/>
      <c r="E274" s="15"/>
      <c r="F274" s="16"/>
      <c r="G274" s="16"/>
      <c r="H274" s="16"/>
      <c r="I274" s="16"/>
      <c r="J274" s="6"/>
    </row>
    <row r="275" spans="2:10">
      <c r="B275" s="2"/>
      <c r="C275" s="19"/>
      <c r="D275" s="19"/>
      <c r="E275" s="15"/>
      <c r="F275" s="16"/>
      <c r="G275" s="16"/>
      <c r="H275" s="16"/>
      <c r="I275" s="16"/>
      <c r="J275" s="6"/>
    </row>
    <row r="276" spans="2:10">
      <c r="B276" s="2"/>
      <c r="C276" s="19"/>
      <c r="D276" s="19"/>
      <c r="E276" s="15"/>
      <c r="F276" s="16"/>
      <c r="G276" s="16"/>
      <c r="H276" s="16"/>
      <c r="I276" s="16"/>
      <c r="J276" s="6"/>
    </row>
    <row r="277" spans="2:10">
      <c r="B277" s="2"/>
      <c r="C277" s="19"/>
      <c r="D277" s="19"/>
      <c r="E277" s="15"/>
      <c r="F277" s="16"/>
      <c r="G277" s="16"/>
      <c r="H277" s="16"/>
      <c r="I277" s="16"/>
      <c r="J277" s="6"/>
    </row>
    <row r="278" spans="2:10">
      <c r="B278" s="2"/>
      <c r="C278" s="19"/>
      <c r="D278" s="19"/>
      <c r="E278" s="15"/>
      <c r="F278" s="16"/>
      <c r="G278" s="16"/>
      <c r="H278" s="16"/>
      <c r="I278" s="16"/>
      <c r="J278" s="6"/>
    </row>
    <row r="279" spans="2:10">
      <c r="B279" s="2"/>
      <c r="C279" s="19"/>
      <c r="D279" s="19"/>
      <c r="E279" s="15"/>
      <c r="F279" s="16"/>
      <c r="G279" s="16"/>
      <c r="H279" s="16"/>
      <c r="I279" s="16"/>
      <c r="J279" s="6"/>
    </row>
    <row r="280" spans="2:10">
      <c r="B280" s="2"/>
      <c r="C280" s="19"/>
      <c r="D280" s="19"/>
      <c r="E280" s="15"/>
      <c r="F280" s="16"/>
      <c r="G280" s="16"/>
      <c r="H280" s="16"/>
      <c r="I280" s="16"/>
      <c r="J280" s="6"/>
    </row>
    <row r="281" spans="2:10">
      <c r="B281" s="2"/>
      <c r="C281" s="19"/>
      <c r="D281" s="19"/>
      <c r="E281" s="15"/>
      <c r="F281" s="16"/>
      <c r="G281" s="16"/>
      <c r="H281" s="16"/>
      <c r="I281" s="16"/>
      <c r="J281" s="6"/>
    </row>
    <row r="282" spans="2:10">
      <c r="B282" s="2"/>
      <c r="C282" s="19"/>
      <c r="D282" s="19"/>
      <c r="E282" s="15"/>
      <c r="F282" s="16"/>
      <c r="G282" s="16"/>
      <c r="H282" s="16"/>
      <c r="I282" s="16"/>
      <c r="J282" s="6"/>
    </row>
    <row r="283" spans="2:10">
      <c r="B283" s="2"/>
      <c r="C283" s="19"/>
      <c r="D283" s="19"/>
      <c r="E283" s="15"/>
      <c r="F283" s="16"/>
      <c r="G283" s="16"/>
      <c r="H283" s="16"/>
      <c r="I283" s="16"/>
      <c r="J283" s="6"/>
    </row>
    <row r="284" spans="2:10">
      <c r="B284" s="2"/>
      <c r="C284" s="19"/>
      <c r="D284" s="19"/>
      <c r="E284" s="15"/>
      <c r="F284" s="16"/>
      <c r="G284" s="16"/>
      <c r="H284" s="16"/>
      <c r="I284" s="16"/>
      <c r="J284" s="6"/>
    </row>
    <row r="285" spans="2:10">
      <c r="B285" s="2"/>
      <c r="C285" s="19"/>
      <c r="D285" s="19"/>
      <c r="E285" s="15"/>
      <c r="F285" s="16"/>
      <c r="G285" s="16"/>
      <c r="H285" s="16"/>
      <c r="I285" s="16"/>
      <c r="J285" s="6"/>
    </row>
    <row r="286" spans="2:10">
      <c r="B286" s="2"/>
      <c r="C286" s="19"/>
      <c r="D286" s="19"/>
      <c r="E286" s="15"/>
      <c r="F286" s="16"/>
      <c r="G286" s="16"/>
      <c r="H286" s="16"/>
      <c r="I286" s="16"/>
      <c r="J286" s="6"/>
    </row>
    <row r="287" spans="2:10">
      <c r="B287" s="2"/>
      <c r="C287" s="19"/>
      <c r="D287" s="19"/>
      <c r="E287" s="15"/>
      <c r="F287" s="16"/>
      <c r="G287" s="16"/>
      <c r="H287" s="16"/>
      <c r="I287" s="16"/>
      <c r="J287" s="6"/>
    </row>
    <row r="288" spans="2:10">
      <c r="B288" s="2"/>
      <c r="C288" s="19"/>
      <c r="D288" s="19"/>
      <c r="E288" s="15"/>
      <c r="F288" s="16"/>
      <c r="G288" s="16"/>
      <c r="H288" s="16"/>
      <c r="I288" s="16"/>
      <c r="J288" s="6"/>
    </row>
    <row r="289" spans="2:10">
      <c r="B289" s="2"/>
      <c r="C289" s="19"/>
      <c r="D289" s="19"/>
      <c r="E289" s="15"/>
      <c r="F289" s="16"/>
      <c r="G289" s="16"/>
      <c r="H289" s="16"/>
      <c r="I289" s="16"/>
      <c r="J289" s="6"/>
    </row>
    <row r="290" spans="2:10">
      <c r="B290" s="2"/>
      <c r="C290" s="19"/>
      <c r="D290" s="19"/>
      <c r="E290" s="15"/>
      <c r="F290" s="16"/>
      <c r="G290" s="16"/>
      <c r="H290" s="16"/>
      <c r="I290" s="16"/>
      <c r="J290" s="6"/>
    </row>
    <row r="291" spans="2:10">
      <c r="B291" s="2"/>
      <c r="C291" s="19"/>
      <c r="D291" s="19"/>
      <c r="E291" s="15"/>
      <c r="F291" s="16"/>
      <c r="G291" s="16"/>
      <c r="H291" s="16"/>
      <c r="I291" s="16"/>
      <c r="J291" s="6"/>
    </row>
    <row r="292" spans="2:10">
      <c r="B292" s="2"/>
      <c r="C292" s="19"/>
      <c r="D292" s="19"/>
      <c r="E292" s="15"/>
      <c r="F292" s="16"/>
      <c r="G292" s="16"/>
      <c r="H292" s="16"/>
      <c r="I292" s="16"/>
      <c r="J292" s="6"/>
    </row>
    <row r="293" spans="2:10">
      <c r="B293" s="2"/>
      <c r="C293" s="19"/>
      <c r="D293" s="19"/>
      <c r="E293" s="15"/>
      <c r="F293" s="16"/>
      <c r="G293" s="16"/>
      <c r="H293" s="16"/>
      <c r="I293" s="16"/>
      <c r="J293" s="6"/>
    </row>
    <row r="294" spans="2:10">
      <c r="B294" s="2"/>
      <c r="C294" s="19"/>
      <c r="D294" s="19"/>
      <c r="E294" s="15"/>
      <c r="F294" s="16"/>
      <c r="G294" s="16"/>
      <c r="H294" s="16"/>
      <c r="I294" s="16"/>
      <c r="J294" s="6"/>
    </row>
    <row r="295" spans="2:10">
      <c r="B295" s="2"/>
      <c r="C295" s="19"/>
      <c r="D295" s="19"/>
      <c r="E295" s="15"/>
      <c r="F295" s="16"/>
      <c r="G295" s="16"/>
      <c r="H295" s="16"/>
      <c r="I295" s="16"/>
      <c r="J295" s="6"/>
    </row>
    <row r="296" spans="2:10">
      <c r="B296" s="2"/>
      <c r="C296" s="19"/>
      <c r="D296" s="19"/>
      <c r="E296" s="15"/>
      <c r="F296" s="16"/>
      <c r="G296" s="16"/>
      <c r="H296" s="16"/>
      <c r="I296" s="16"/>
      <c r="J296" s="6"/>
    </row>
  </sheetData>
  <autoFilter ref="B6:J150" xr:uid="{00000000-0001-0000-0100-000000000000}"/>
  <mergeCells count="11">
    <mergeCell ref="L4:AI4"/>
    <mergeCell ref="AF5:AI5"/>
    <mergeCell ref="L5:O5"/>
    <mergeCell ref="P5:T5"/>
    <mergeCell ref="U5:Y5"/>
    <mergeCell ref="Z5:AE5"/>
    <mergeCell ref="K4:K5"/>
    <mergeCell ref="B2:D2"/>
    <mergeCell ref="B4:D5"/>
    <mergeCell ref="E4:I5"/>
    <mergeCell ref="J4:J5"/>
  </mergeCells>
  <phoneticPr fontId="10" type="noConversion"/>
  <conditionalFormatting sqref="L7:AI150">
    <cfRule type="containsText" dxfId="2" priority="13" operator="containsText" text="Y">
      <formula>NOT(ISERROR(SEARCH("Y",L7)))</formula>
    </cfRule>
    <cfRule type="containsText" dxfId="1" priority="14" operator="containsText" text="2">
      <formula>NOT(ISERROR(SEARCH("2",L7)))</formula>
    </cfRule>
    <cfRule type="containsText" dxfId="0" priority="15" operator="containsText" text="1">
      <formula>NOT(ISERROR(SEARCH("1",L7)))</formula>
    </cfRule>
  </conditionalFormatting>
  <hyperlinks>
    <hyperlink ref="J6" location="Sources!A1" display="Source" xr:uid="{00F854BD-4F85-49F5-9978-CC16230B2AA7}"/>
  </hyperlinks>
  <pageMargins left="0.7" right="0.7" top="0.75" bottom="0.75" header="0.3" footer="0.3"/>
  <pageSetup paperSize="9" orientation="portrait" r:id="rId1"/>
  <drawing r:id="rId2"/>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2AB48E6-F74D-4991-9B52-18F862C64863}">
  <sheetPr codeName="Sheet5"/>
  <dimension ref="B1:F26"/>
  <sheetViews>
    <sheetView zoomScale="80" zoomScaleNormal="80" workbookViewId="0">
      <selection activeCell="C27" sqref="C27"/>
    </sheetView>
  </sheetViews>
  <sheetFormatPr defaultColWidth="8.625" defaultRowHeight="15"/>
  <cols>
    <col min="1" max="1" width="4.125" style="6" customWidth="1"/>
    <col min="2" max="2" width="8.625" style="6"/>
    <col min="3" max="3" width="65.625" style="6" customWidth="1"/>
    <col min="4" max="4" width="103" style="6" customWidth="1"/>
    <col min="5" max="5" width="13.375" style="9" bestFit="1" customWidth="1"/>
    <col min="6" max="6" width="14.125" style="6" customWidth="1"/>
    <col min="7" max="16384" width="8.625" style="6"/>
  </cols>
  <sheetData>
    <row r="1" spans="2:5" ht="23.25">
      <c r="B1" s="197" t="s">
        <v>440</v>
      </c>
      <c r="C1" s="197"/>
      <c r="D1" s="197"/>
    </row>
    <row r="2" spans="2:5" ht="15.75" thickBot="1">
      <c r="B2" s="220" t="s">
        <v>441</v>
      </c>
      <c r="C2" s="221"/>
      <c r="D2" s="222"/>
    </row>
    <row r="3" spans="2:5">
      <c r="B3" s="9"/>
      <c r="C3" s="119"/>
      <c r="D3" s="9"/>
    </row>
    <row r="4" spans="2:5" ht="15.75">
      <c r="B4" s="120" t="s">
        <v>442</v>
      </c>
      <c r="C4" s="120" t="s">
        <v>443</v>
      </c>
      <c r="D4" s="120" t="s">
        <v>444</v>
      </c>
      <c r="E4" s="120" t="s">
        <v>445</v>
      </c>
    </row>
    <row r="5" spans="2:5" ht="30">
      <c r="B5" s="121">
        <v>1</v>
      </c>
      <c r="C5" s="5" t="s">
        <v>446</v>
      </c>
      <c r="D5" s="168" t="s">
        <v>447</v>
      </c>
      <c r="E5" s="122">
        <v>45476</v>
      </c>
    </row>
    <row r="6" spans="2:5" ht="30">
      <c r="B6" s="123">
        <v>2</v>
      </c>
      <c r="C6" s="124" t="s">
        <v>448</v>
      </c>
      <c r="D6" s="168" t="s">
        <v>449</v>
      </c>
      <c r="E6" s="125">
        <v>45461</v>
      </c>
    </row>
    <row r="7" spans="2:5" ht="30">
      <c r="B7" s="126">
        <v>3</v>
      </c>
      <c r="C7" s="127" t="s">
        <v>450</v>
      </c>
      <c r="D7" s="169" t="s">
        <v>451</v>
      </c>
      <c r="E7" s="125">
        <v>45461</v>
      </c>
    </row>
    <row r="8" spans="2:5">
      <c r="B8" s="126">
        <v>4</v>
      </c>
      <c r="C8" s="127" t="s">
        <v>452</v>
      </c>
      <c r="D8" s="169" t="s">
        <v>453</v>
      </c>
      <c r="E8" s="122">
        <v>45477</v>
      </c>
    </row>
    <row r="9" spans="2:5" ht="45">
      <c r="B9" s="126">
        <v>5</v>
      </c>
      <c r="C9" s="128" t="s">
        <v>454</v>
      </c>
      <c r="D9" s="170" t="s">
        <v>455</v>
      </c>
      <c r="E9" s="122">
        <v>45477</v>
      </c>
    </row>
    <row r="10" spans="2:5" ht="30">
      <c r="B10" s="96">
        <v>6</v>
      </c>
      <c r="C10" s="129" t="s">
        <v>456</v>
      </c>
      <c r="D10" s="168" t="s">
        <v>457</v>
      </c>
      <c r="E10" s="122">
        <v>45489</v>
      </c>
    </row>
    <row r="11" spans="2:5">
      <c r="B11" s="96">
        <v>7</v>
      </c>
      <c r="C11" s="129" t="s">
        <v>458</v>
      </c>
      <c r="D11" s="168" t="s">
        <v>459</v>
      </c>
      <c r="E11" s="125">
        <v>45525</v>
      </c>
    </row>
    <row r="12" spans="2:5" ht="29.25" customHeight="1">
      <c r="B12" s="126">
        <v>8</v>
      </c>
      <c r="C12" s="7" t="s">
        <v>460</v>
      </c>
      <c r="D12" s="171" t="s">
        <v>461</v>
      </c>
      <c r="E12" s="125">
        <v>45496</v>
      </c>
    </row>
    <row r="13" spans="2:5" ht="30">
      <c r="B13" s="130">
        <v>9</v>
      </c>
      <c r="C13" s="128" t="s">
        <v>462</v>
      </c>
      <c r="D13" s="170" t="s">
        <v>463</v>
      </c>
      <c r="E13" s="125">
        <v>45786</v>
      </c>
    </row>
    <row r="14" spans="2:5" ht="15.95" customHeight="1">
      <c r="B14" s="123">
        <v>10</v>
      </c>
      <c r="C14" s="131" t="s">
        <v>464</v>
      </c>
      <c r="D14" s="172" t="s">
        <v>465</v>
      </c>
      <c r="E14" s="125">
        <v>45793</v>
      </c>
    </row>
    <row r="15" spans="2:5">
      <c r="B15" s="123">
        <v>11</v>
      </c>
      <c r="C15" s="131" t="s">
        <v>466</v>
      </c>
      <c r="D15" s="172" t="s">
        <v>467</v>
      </c>
      <c r="E15" s="125">
        <v>45796</v>
      </c>
    </row>
    <row r="16" spans="2:5" ht="30">
      <c r="B16" s="121">
        <v>12</v>
      </c>
      <c r="C16" s="132" t="s">
        <v>468</v>
      </c>
      <c r="D16" s="173" t="s">
        <v>469</v>
      </c>
      <c r="E16" s="122">
        <v>45796</v>
      </c>
    </row>
    <row r="17" spans="2:6">
      <c r="B17" s="121">
        <v>13</v>
      </c>
      <c r="C17" s="132" t="s">
        <v>470</v>
      </c>
      <c r="D17" s="189" t="s">
        <v>471</v>
      </c>
      <c r="E17" s="122">
        <v>45800</v>
      </c>
    </row>
    <row r="18" spans="2:6" ht="15.95" customHeight="1">
      <c r="B18" s="121">
        <v>14</v>
      </c>
      <c r="C18" s="132" t="s">
        <v>472</v>
      </c>
      <c r="D18" s="172" t="s">
        <v>473</v>
      </c>
      <c r="E18" s="122">
        <v>45856</v>
      </c>
    </row>
    <row r="19" spans="2:6">
      <c r="B19" s="123">
        <v>15</v>
      </c>
      <c r="C19" s="133" t="s">
        <v>474</v>
      </c>
      <c r="D19" s="190" t="s">
        <v>475</v>
      </c>
      <c r="E19" s="134">
        <v>45922</v>
      </c>
    </row>
    <row r="20" spans="2:6">
      <c r="B20" s="126">
        <v>16</v>
      </c>
      <c r="C20" s="135" t="s">
        <v>476</v>
      </c>
      <c r="D20" s="191" t="s">
        <v>477</v>
      </c>
      <c r="E20" s="136">
        <v>45946</v>
      </c>
    </row>
    <row r="21" spans="2:6">
      <c r="B21" s="137">
        <v>17</v>
      </c>
      <c r="C21" s="138" t="s">
        <v>478</v>
      </c>
      <c r="D21" s="192" t="s">
        <v>479</v>
      </c>
      <c r="E21" s="139">
        <v>45946</v>
      </c>
    </row>
    <row r="22" spans="2:6">
      <c r="B22" s="140">
        <v>18</v>
      </c>
      <c r="C22" s="141" t="s">
        <v>480</v>
      </c>
      <c r="D22" s="190" t="s">
        <v>481</v>
      </c>
      <c r="E22" s="142">
        <v>45946</v>
      </c>
    </row>
    <row r="23" spans="2:6" ht="16.5" customHeight="1">
      <c r="B23" s="137">
        <v>19</v>
      </c>
      <c r="C23" s="138" t="s">
        <v>482</v>
      </c>
      <c r="D23" s="192" t="s">
        <v>483</v>
      </c>
      <c r="E23" s="139">
        <v>45947</v>
      </c>
    </row>
    <row r="24" spans="2:6" ht="30">
      <c r="B24" s="144">
        <v>20</v>
      </c>
      <c r="C24" s="145" t="s">
        <v>484</v>
      </c>
      <c r="D24" s="193" t="s">
        <v>485</v>
      </c>
      <c r="E24" s="143">
        <v>45980</v>
      </c>
    </row>
    <row r="25" spans="2:6" ht="17.25">
      <c r="B25" s="146"/>
      <c r="C25" s="146"/>
      <c r="D25" s="166"/>
      <c r="E25" s="147"/>
      <c r="F25" s="146"/>
    </row>
    <row r="26" spans="2:6" ht="17.25">
      <c r="D26" s="166"/>
    </row>
  </sheetData>
  <mergeCells count="2">
    <mergeCell ref="B1:D1"/>
    <mergeCell ref="B2:D2"/>
  </mergeCells>
  <hyperlinks>
    <hyperlink ref="D5" r:id="rId1" xr:uid="{E0DB2A83-4079-4FD8-A45C-A011F21BD8AC}"/>
    <hyperlink ref="D7" r:id="rId2" xr:uid="{FE24AEAF-BA76-432C-ABF2-A2063CAE4770}"/>
    <hyperlink ref="D8" r:id="rId3" xr:uid="{A115E8B3-0509-4C2C-A97F-5186EDCDF00C}"/>
    <hyperlink ref="D9" r:id="rId4" xr:uid="{0AE11DC3-ED93-49A3-9FE5-95B92146A1F3}"/>
    <hyperlink ref="D6" r:id="rId5" xr:uid="{C2C29325-8A21-43AC-89EF-E96B011C9B09}"/>
    <hyperlink ref="D10" r:id="rId6" xr:uid="{E654E38F-6A2E-4478-8617-1388292A9AAA}"/>
    <hyperlink ref="D11" r:id="rId7" xr:uid="{68738AAB-04B9-4B4D-B20E-B65C863EBD1E}"/>
    <hyperlink ref="D13" r:id="rId8" location="contents" xr:uid="{C5084319-F740-40BB-BA04-1887EAE723EC}"/>
    <hyperlink ref="D14" r:id="rId9" xr:uid="{B145AD64-7C3D-46E1-A5C8-21723A2BCE22}"/>
    <hyperlink ref="D15" r:id="rId10" xr:uid="{49C2F58D-F715-4799-8E98-6E02AFB0E3D0}"/>
    <hyperlink ref="D16" r:id="rId11" xr:uid="{2C9E4A30-7D62-4DA0-88EC-EB2865A60809}"/>
    <hyperlink ref="D17" r:id="rId12" xr:uid="{19073EB2-8BC9-431C-8F97-920097969B2C}"/>
    <hyperlink ref="D18" r:id="rId13" xr:uid="{465D2B25-B3CB-4D07-9569-91B747E343E5}"/>
    <hyperlink ref="D19" r:id="rId14" xr:uid="{5C81F794-2653-4ED0-98DD-01EED28C5B8C}"/>
    <hyperlink ref="D20" r:id="rId15" xr:uid="{1CDAC69F-8065-4337-83BC-380BAA61BE37}"/>
    <hyperlink ref="D21" r:id="rId16" xr:uid="{A2A109FC-290D-4AD3-8001-D43338E918D2}"/>
    <hyperlink ref="D22" r:id="rId17" xr:uid="{B89D1C09-5DDA-4ED5-BE57-A9F787B1B39E}"/>
    <hyperlink ref="D23" r:id="rId18" xr:uid="{AE322BA1-7BAE-4D50-8CE1-491065A30119}"/>
    <hyperlink ref="D24" r:id="rId19" xr:uid="{6AEF3F68-516C-44CC-885A-ACE25DA0913D}"/>
    <hyperlink ref="D12" r:id="rId20" xr:uid="{2DD9977A-469E-4C15-8A06-A8DF64A2BEDA}"/>
  </hyperlinks>
  <pageMargins left="0.7" right="0.7" top="0.75" bottom="0.75" header="0.3" footer="0.3"/>
  <pageSetup paperSize="9" orientation="portrait" r:id="rId21"/>
  <headerFooter>
    <oddFooter>&amp;C_x000D_&amp;1#&amp;"Calibri"&amp;10&amp;K000000 Mott MacDonald Restricted</oddFooter>
  </headerFooter>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mso-contentType ?>
<SharedContentType xmlns="Microsoft.SharePoint.Taxonomy.ContentTypeSync" SourceId="3bee4c5c-8f43-4f7f-9637-07f983ecca3d" ContentTypeId="0x0101007BD61AFCC8A643B8924AB3F7EE18260103" PreviousValue="false"/>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TaxKeywordTaxHTField xmlns="980b2c76-4eb4-4926-991a-bb246786b55e">
      <Terms xmlns="http://schemas.microsoft.com/office/infopath/2007/PartnerControls"/>
    </TaxKeywordTaxHTField>
    <LikesCount xmlns="http://schemas.microsoft.com/sharepoint/v3" xsi:nil="true"/>
    <MMSourceID xmlns="980b2c76-4eb4-4926-991a-bb246786b55e" xsi:nil="true"/>
    <MM_CheckApproveVersion xmlns="8043c280-e672-43f5-886c-af9cae53c7c4">0.1</MM_CheckApproveVersion>
    <Ratings xmlns="http://schemas.microsoft.com/sharepoint/v3" xsi:nil="true"/>
    <LikedBy xmlns="http://schemas.microsoft.com/sharepoint/v3">
      <UserInfo>
        <DisplayName/>
        <AccountId xsi:nil="true"/>
        <AccountType/>
      </UserInfo>
    </LikedBy>
    <MM_CheckApproveStatus xmlns="8043c280-e672-43f5-886c-af9cae53c7c4">Checked</MM_CheckApproveStatus>
    <TaxCatchAll xmlns="980b2c76-4eb4-4926-991a-bb246786b55e" xsi:nil="true"/>
    <RatedBy xmlns="http://schemas.microsoft.com/sharepoint/v3">
      <UserInfo>
        <DisplayName/>
        <AccountId xsi:nil="true"/>
        <AccountType/>
      </UserInfo>
    </RatedBy>
    <_dlc_DocIdUrl xmlns="980b2c76-4eb4-4926-991a-bb246786b55e">
      <Url>https://mottmac.sharepoint.com/teams/bf-06127/_layouts/15/DocIdRedir.aspx?ID=bf-06127-731628694-1709</Url>
      <Description>bf-06127-731628694-1709</Description>
    </_dlc_DocIdUrl>
    <_dlc_DocId xmlns="980b2c76-4eb4-4926-991a-bb246786b55e">bf-06127-731628694-1709</_dlc_DocId>
    <RatingCount xmlns="http://schemas.microsoft.com/sharepoint/v3" xsi:nil="true"/>
    <AverageRating xmlns="http://schemas.microsoft.com/sharepoint/v3" xsi:nil="true"/>
  </documentManagement>
</p:properties>
</file>

<file path=customXml/item7.xml><?xml version="1.0" encoding="utf-8"?>
<ct:contentTypeSchema xmlns:ct="http://schemas.microsoft.com/office/2006/metadata/contentType" xmlns:ma="http://schemas.microsoft.com/office/2006/metadata/properties/metaAttributes" ct:_="" ma:_="" ma:contentTypeName="Team Document" ma:contentTypeID="0x0101007BD61AFCC8A643B8924AB3F7EE18260103004B9C9B750D183A4F97F408FD998DF4A9" ma:contentTypeVersion="5" ma:contentTypeDescription="Base content type for business function documents" ma:contentTypeScope="" ma:versionID="9ae3d365777f537b843d76557a29e739">
  <xsd:schema xmlns:xsd="http://www.w3.org/2001/XMLSchema" xmlns:xs="http://www.w3.org/2001/XMLSchema" xmlns:p="http://schemas.microsoft.com/office/2006/metadata/properties" xmlns:ns1="http://schemas.microsoft.com/sharepoint/v3" xmlns:ns2="980b2c76-4eb4-4926-991a-bb246786b55e" xmlns:ns3="8043c280-e672-43f5-886c-af9cae53c7c4" targetNamespace="http://schemas.microsoft.com/office/2006/metadata/properties" ma:root="true" ma:fieldsID="f0343ed48f847b25bce772f2c66450f8" ns1:_="" ns2:_="" ns3:_="">
    <xsd:import namespace="http://schemas.microsoft.com/sharepoint/v3"/>
    <xsd:import namespace="980b2c76-4eb4-4926-991a-bb246786b55e"/>
    <xsd:import namespace="8043c280-e672-43f5-886c-af9cae53c7c4"/>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MMSourceID" minOccurs="0"/>
                <xsd:element ref="ns3:MM_CheckApproveStatus" minOccurs="0"/>
                <xsd:element ref="ns3:MM_CheckApproveVers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hidden="true" ma:list="{4fab5f39-7841-47ba-a03d-ae791bcb73ae}" ma:internalName="TaxCatchAll" ma:showField="CatchAllData" ma:web="7da3b006-76ae-4329-a878-3cb375037e97">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hidden="true" ma:list="{4fab5f39-7841-47ba-a03d-ae791bcb73ae}" ma:internalName="TaxCatchAllLabel" ma:readOnly="true" ma:showField="CatchAllDataLabel" ma:web="7da3b006-76ae-4329-a878-3cb375037e97">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MMSourceID" ma:index="21" nillable="true" ma:displayName="MM Source ID" ma:description="Used for source searches" ma:internalName="MMSourceID"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043c280-e672-43f5-886c-af9cae53c7c4" elementFormDefault="qualified">
    <xsd:import namespace="http://schemas.microsoft.com/office/2006/documentManagement/types"/>
    <xsd:import namespace="http://schemas.microsoft.com/office/infopath/2007/PartnerControls"/>
    <xsd:element name="MM_CheckApproveStatus" ma:index="22" nillable="true" ma:displayName="Check &amp; approve" ma:description="Document Action Check &amp; Approve status" ma:internalName="MM_CheckApproveStatus">
      <xsd:simpleType>
        <xsd:restriction base="dms:Text">
          <xsd:maxLength value="255"/>
        </xsd:restriction>
      </xsd:simpleType>
    </xsd:element>
    <xsd:element name="MM_CheckApproveVersion" ma:index="23" nillable="true" ma:displayName="Check &amp; approve version" ma:description="Document Action Check &amp; Approve version" ma:internalName="MM_CheckApproveVersion">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D1937E5-D5B5-47C0-B343-1B8B53980D1D}"/>
</file>

<file path=customXml/itemProps2.xml><?xml version="1.0" encoding="utf-8"?>
<ds:datastoreItem xmlns:ds="http://schemas.openxmlformats.org/officeDocument/2006/customXml" ds:itemID="{E59C169C-5B71-4139-B067-6BD7D31FA149}"/>
</file>

<file path=customXml/itemProps3.xml><?xml version="1.0" encoding="utf-8"?>
<ds:datastoreItem xmlns:ds="http://schemas.openxmlformats.org/officeDocument/2006/customXml" ds:itemID="{62CB8C1F-D40D-4C86-BB4B-0CF96D922D6C}"/>
</file>

<file path=customXml/itemProps4.xml><?xml version="1.0" encoding="utf-8"?>
<ds:datastoreItem xmlns:ds="http://schemas.openxmlformats.org/officeDocument/2006/customXml" ds:itemID="{262BF88C-68C4-44A5-9439-FCCCD9E16762}"/>
</file>

<file path=customXml/itemProps5.xml><?xml version="1.0" encoding="utf-8"?>
<ds:datastoreItem xmlns:ds="http://schemas.openxmlformats.org/officeDocument/2006/customXml" ds:itemID="{6164627C-DAD2-441F-9B29-249FF5B3853A}"/>
</file>

<file path=customXml/itemProps6.xml><?xml version="1.0" encoding="utf-8"?>
<ds:datastoreItem xmlns:ds="http://schemas.openxmlformats.org/officeDocument/2006/customXml" ds:itemID="{6BE81025-271F-4625-A6B6-A476D8EE2898}"/>
</file>

<file path=customXml/itemProps7.xml><?xml version="1.0" encoding="utf-8"?>
<ds:datastoreItem xmlns:ds="http://schemas.openxmlformats.org/officeDocument/2006/customXml" ds:itemID="{AA54444B-D84E-4DB2-9745-E133604750C5}"/>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atie Ward</dc:creator>
  <cp:keywords/>
  <dc:description/>
  <cp:lastModifiedBy>Kieran Murnane</cp:lastModifiedBy>
  <cp:revision/>
  <dcterms:created xsi:type="dcterms:W3CDTF">2024-06-18T08:50:04Z</dcterms:created>
  <dcterms:modified xsi:type="dcterms:W3CDTF">2026-05-22T14:31:23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779215826452160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7BD61AFCC8A643B8924AB3F7EE18260103004B9C9B750D183A4F97F408FD998DF4A9</vt:lpwstr>
  </property>
  <property fmtid="{D5CDD505-2E9C-101B-9397-08002B2CF9AE}" pid="15" name="_dlc_DocIdItemGuid">
    <vt:lpwstr>6c57baab-8c72-432e-ab67-ec1f42abad47</vt:lpwstr>
  </property>
  <property fmtid="{D5CDD505-2E9C-101B-9397-08002B2CF9AE}" pid="16" name="TaxKeyword">
    <vt:lpwstr/>
  </property>
  <property fmtid="{D5CDD505-2E9C-101B-9397-08002B2CF9AE}" pid="17" name="MediaServiceImageTags">
    <vt:lpwstr/>
  </property>
  <property fmtid="{D5CDD505-2E9C-101B-9397-08002B2CF9AE}" pid="18" name="lcf76f155ced4ddcb4097134ff3c332f">
    <vt:lpwstr/>
  </property>
  <property fmtid="{D5CDD505-2E9C-101B-9397-08002B2CF9AE}" pid="19" name="Folder_Number">
    <vt:lpwstr/>
  </property>
  <property fmtid="{D5CDD505-2E9C-101B-9397-08002B2CF9AE}" pid="20" name="Folder_Code">
    <vt:lpwstr/>
  </property>
  <property fmtid="{D5CDD505-2E9C-101B-9397-08002B2CF9AE}" pid="21" name="Folder_Name">
    <vt:lpwstr/>
  </property>
  <property fmtid="{D5CDD505-2E9C-101B-9397-08002B2CF9AE}" pid="22" name="Folder_Description">
    <vt:lpwstr/>
  </property>
  <property fmtid="{D5CDD505-2E9C-101B-9397-08002B2CF9AE}" pid="23" name="/Folder_Name/">
    <vt:lpwstr/>
  </property>
  <property fmtid="{D5CDD505-2E9C-101B-9397-08002B2CF9AE}" pid="24" name="/Folder_Description/">
    <vt:lpwstr/>
  </property>
  <property fmtid="{D5CDD505-2E9C-101B-9397-08002B2CF9AE}" pid="25" name="Folder_Version">
    <vt:lpwstr/>
  </property>
  <property fmtid="{D5CDD505-2E9C-101B-9397-08002B2CF9AE}" pid="26" name="Folder_VersionSeq">
    <vt:lpwstr/>
  </property>
  <property fmtid="{D5CDD505-2E9C-101B-9397-08002B2CF9AE}" pid="27" name="Folder_Manager">
    <vt:lpwstr/>
  </property>
  <property fmtid="{D5CDD505-2E9C-101B-9397-08002B2CF9AE}" pid="28" name="Folder_ManagerDesc">
    <vt:lpwstr/>
  </property>
  <property fmtid="{D5CDD505-2E9C-101B-9397-08002B2CF9AE}" pid="29" name="Folder_Storage">
    <vt:lpwstr/>
  </property>
  <property fmtid="{D5CDD505-2E9C-101B-9397-08002B2CF9AE}" pid="30" name="Folder_StorageDesc">
    <vt:lpwstr/>
  </property>
  <property fmtid="{D5CDD505-2E9C-101B-9397-08002B2CF9AE}" pid="31" name="Folder_Creator">
    <vt:lpwstr/>
  </property>
  <property fmtid="{D5CDD505-2E9C-101B-9397-08002B2CF9AE}" pid="32" name="Folder_CreatorDesc">
    <vt:lpwstr/>
  </property>
  <property fmtid="{D5CDD505-2E9C-101B-9397-08002B2CF9AE}" pid="33" name="Folder_CreateDate">
    <vt:lpwstr/>
  </property>
  <property fmtid="{D5CDD505-2E9C-101B-9397-08002B2CF9AE}" pid="34" name="Folder_Updater">
    <vt:lpwstr/>
  </property>
  <property fmtid="{D5CDD505-2E9C-101B-9397-08002B2CF9AE}" pid="35" name="Folder_UpdaterDesc">
    <vt:lpwstr/>
  </property>
  <property fmtid="{D5CDD505-2E9C-101B-9397-08002B2CF9AE}" pid="36" name="Folder_UpdateDate">
    <vt:lpwstr/>
  </property>
  <property fmtid="{D5CDD505-2E9C-101B-9397-08002B2CF9AE}" pid="37" name="Document_Number">
    <vt:lpwstr/>
  </property>
  <property fmtid="{D5CDD505-2E9C-101B-9397-08002B2CF9AE}" pid="38" name="Document_Name">
    <vt:lpwstr/>
  </property>
  <property fmtid="{D5CDD505-2E9C-101B-9397-08002B2CF9AE}" pid="39" name="Document_FileName">
    <vt:lpwstr/>
  </property>
  <property fmtid="{D5CDD505-2E9C-101B-9397-08002B2CF9AE}" pid="40" name="Document_Version">
    <vt:lpwstr/>
  </property>
  <property fmtid="{D5CDD505-2E9C-101B-9397-08002B2CF9AE}" pid="41" name="Document_VersionSeq">
    <vt:lpwstr/>
  </property>
  <property fmtid="{D5CDD505-2E9C-101B-9397-08002B2CF9AE}" pid="42" name="Document_Creator">
    <vt:lpwstr/>
  </property>
  <property fmtid="{D5CDD505-2E9C-101B-9397-08002B2CF9AE}" pid="43" name="Document_CreatorDesc">
    <vt:lpwstr/>
  </property>
  <property fmtid="{D5CDD505-2E9C-101B-9397-08002B2CF9AE}" pid="44" name="Document_CreateDate">
    <vt:lpwstr/>
  </property>
  <property fmtid="{D5CDD505-2E9C-101B-9397-08002B2CF9AE}" pid="45" name="Document_Updater">
    <vt:lpwstr/>
  </property>
  <property fmtid="{D5CDD505-2E9C-101B-9397-08002B2CF9AE}" pid="46" name="Document_UpdaterDesc">
    <vt:lpwstr/>
  </property>
  <property fmtid="{D5CDD505-2E9C-101B-9397-08002B2CF9AE}" pid="47" name="Document_UpdateDate">
    <vt:lpwstr/>
  </property>
  <property fmtid="{D5CDD505-2E9C-101B-9397-08002B2CF9AE}" pid="48" name="Document_Size">
    <vt:lpwstr/>
  </property>
  <property fmtid="{D5CDD505-2E9C-101B-9397-08002B2CF9AE}" pid="49" name="Document_Storage">
    <vt:lpwstr/>
  </property>
  <property fmtid="{D5CDD505-2E9C-101B-9397-08002B2CF9AE}" pid="50" name="Document_StorageDesc">
    <vt:lpwstr/>
  </property>
  <property fmtid="{D5CDD505-2E9C-101B-9397-08002B2CF9AE}" pid="51" name="Document_Department">
    <vt:lpwstr/>
  </property>
  <property fmtid="{D5CDD505-2E9C-101B-9397-08002B2CF9AE}" pid="52" name="Document_DepartmentDesc">
    <vt:lpwstr/>
  </property>
  <property fmtid="{D5CDD505-2E9C-101B-9397-08002B2CF9AE}" pid="53" name="MSIP_Label_f49efa9f-42fe-4312-9503-c89a219c0830_Enabled">
    <vt:lpwstr>true</vt:lpwstr>
  </property>
  <property fmtid="{D5CDD505-2E9C-101B-9397-08002B2CF9AE}" pid="54" name="MSIP_Label_f49efa9f-42fe-4312-9503-c89a219c0830_SetDate">
    <vt:lpwstr>2025-07-19T13:22:13Z</vt:lpwstr>
  </property>
  <property fmtid="{D5CDD505-2E9C-101B-9397-08002B2CF9AE}" pid="55" name="MSIP_Label_f49efa9f-42fe-4312-9503-c89a219c0830_Method">
    <vt:lpwstr>Standard</vt:lpwstr>
  </property>
  <property fmtid="{D5CDD505-2E9C-101B-9397-08002B2CF9AE}" pid="56" name="MSIP_Label_f49efa9f-42fe-4312-9503-c89a219c0830_Name">
    <vt:lpwstr>MM RESTRICTED</vt:lpwstr>
  </property>
  <property fmtid="{D5CDD505-2E9C-101B-9397-08002B2CF9AE}" pid="57" name="MSIP_Label_f49efa9f-42fe-4312-9503-c89a219c0830_SiteId">
    <vt:lpwstr>a2bed0c4-5957-4f73-b0c2-a811407590fb</vt:lpwstr>
  </property>
  <property fmtid="{D5CDD505-2E9C-101B-9397-08002B2CF9AE}" pid="58" name="MSIP_Label_f49efa9f-42fe-4312-9503-c89a219c0830_ActionId">
    <vt:lpwstr>fc2d6c7c-20d7-4cd5-a0d5-761b82c4651a</vt:lpwstr>
  </property>
  <property fmtid="{D5CDD505-2E9C-101B-9397-08002B2CF9AE}" pid="59" name="MSIP_Label_f49efa9f-42fe-4312-9503-c89a219c0830_ContentBits">
    <vt:lpwstr>2</vt:lpwstr>
  </property>
  <property fmtid="{D5CDD505-2E9C-101B-9397-08002B2CF9AE}" pid="60" name="MSIP_Label_f49efa9f-42fe-4312-9503-c89a219c0830_Tag">
    <vt:lpwstr>10, 3, 0, 2</vt:lpwstr>
  </property>
  <property fmtid="{D5CDD505-2E9C-101B-9397-08002B2CF9AE}" pid="61" name="Order">
    <vt:r8>122500</vt:r8>
  </property>
  <property fmtid="{D5CDD505-2E9C-101B-9397-08002B2CF9AE}" pid="62" name="xd_ProgID">
    <vt:lpwstr/>
  </property>
  <property fmtid="{D5CDD505-2E9C-101B-9397-08002B2CF9AE}" pid="63" name="_SourceUrl">
    <vt:lpwstr/>
  </property>
  <property fmtid="{D5CDD505-2E9C-101B-9397-08002B2CF9AE}" pid="64" name="_SharedFileIndex">
    <vt:lpwstr/>
  </property>
  <property fmtid="{D5CDD505-2E9C-101B-9397-08002B2CF9AE}" pid="65" name="ComplianceAssetId">
    <vt:lpwstr/>
  </property>
  <property fmtid="{D5CDD505-2E9C-101B-9397-08002B2CF9AE}" pid="66" name="TemplateUrl">
    <vt:lpwstr/>
  </property>
  <property fmtid="{D5CDD505-2E9C-101B-9397-08002B2CF9AE}" pid="67" name="_ExtendedDescription">
    <vt:lpwstr/>
  </property>
  <property fmtid="{D5CDD505-2E9C-101B-9397-08002B2CF9AE}" pid="68" name="TriggerFlowInfo">
    <vt:lpwstr/>
  </property>
  <property fmtid="{D5CDD505-2E9C-101B-9397-08002B2CF9AE}" pid="69" name="xd_Signature">
    <vt:bool>false</vt:bool>
  </property>
  <property fmtid="{D5CDD505-2E9C-101B-9397-08002B2CF9AE}" pid="70" name="SharedWithUsers">
    <vt:lpwstr/>
  </property>
  <property fmtid="{D5CDD505-2E9C-101B-9397-08002B2CF9AE}" pid="71" name="DocumentStatusCode">
    <vt:lpwstr>S0 - Work in Progress</vt:lpwstr>
  </property>
  <property fmtid="{D5CDD505-2E9C-101B-9397-08002B2CF9AE}" pid="72" name="DocumentRevisionCode">
    <vt:lpwstr>P01.01</vt:lpwstr>
  </property>
</Properties>
</file>